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3.xml" ContentType="application/vnd.openxmlformats-officedocument.theme+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4.xml" ContentType="application/vnd.openxmlformats-officedocument.theme+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heme/theme5.xml" ContentType="application/vnd.openxmlformats-officedocument.theme+xml"/>
  <Override PartName="/ppt/theme/theme6.xml" ContentType="application/vnd.openxmlformats-officedocument.theme+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notesSlides/notesSlide1.xml" ContentType="application/vnd.openxmlformats-officedocument.presentationml.notesSlide+xml"/>
  <Override PartName="/ppt/tags/tag121.xml" ContentType="application/vnd.openxmlformats-officedocument.presentationml.tags+xml"/>
  <Override PartName="/ppt/tags/tag122.xml" ContentType="application/vnd.openxmlformats-officedocument.presentationml.tags+xml"/>
  <Override PartName="/ppt/notesSlides/notesSlide2.xml" ContentType="application/vnd.openxmlformats-officedocument.presentationml.notesSlide+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notesSlides/notesSlide3.xml" ContentType="application/vnd.openxmlformats-officedocument.presentationml.notesSlide+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notesSlides/notesSlide4.xml" ContentType="application/vnd.openxmlformats-officedocument.presentationml.notesSlide+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notesSlides/notesSlide5.xml" ContentType="application/vnd.openxmlformats-officedocument.presentationml.notesSlide+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notesSlides/notesSlide6.xml" ContentType="application/vnd.openxmlformats-officedocument.presentationml.notesSlide+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notesSlides/notesSlide7.xml" ContentType="application/vnd.openxmlformats-officedocument.presentationml.notesSlide+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notesSlides/notesSlide8.xml" ContentType="application/vnd.openxmlformats-officedocument.presentationml.notesSlide+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notesSlides/notesSlide9.xml" ContentType="application/vnd.openxmlformats-officedocument.presentationml.notesSlide+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notesSlides/notesSlide10.xml" ContentType="application/vnd.openxmlformats-officedocument.presentationml.notesSlide+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notesSlides/notesSlide11.xml" ContentType="application/vnd.openxmlformats-officedocument.presentationml.notesSlide+xml"/>
  <Override PartName="/ppt/tags/tag158.xml" ContentType="application/vnd.openxmlformats-officedocument.presentationml.tags+xml"/>
  <Override PartName="/ppt/notesSlides/notesSlide12.xml" ContentType="application/vnd.openxmlformats-officedocument.presentationml.notesSlide+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notesSlides/notesSlide13.xml" ContentType="application/vnd.openxmlformats-officedocument.presentationml.notesSlide+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notesSlides/notesSlide14.xml" ContentType="application/vnd.openxmlformats-officedocument.presentationml.notesSlide+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notesSlides/notesSlide15.xml" ContentType="application/vnd.openxmlformats-officedocument.presentationml.notesSlide+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notesSlides/notesSlide16.xml" ContentType="application/vnd.openxmlformats-officedocument.presentationml.notesSlide+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notesSlides/notesSlide17.xml" ContentType="application/vnd.openxmlformats-officedocument.presentationml.notesSlide+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notesSlides/notesSlide18.xml" ContentType="application/vnd.openxmlformats-officedocument.presentationml.notesSlide+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notesSlides/notesSlide19.xml" ContentType="application/vnd.openxmlformats-officedocument.presentationml.notesSlide+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notesSlides/notesSlide20.xml" ContentType="application/vnd.openxmlformats-officedocument.presentationml.notesSlide+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notesSlides/notesSlide21.xml" ContentType="application/vnd.openxmlformats-officedocument.presentationml.notesSlide+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notesSlides/notesSlide22.xml" ContentType="application/vnd.openxmlformats-officedocument.presentationml.notesSlide+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notesSlides/notesSlide23.xml" ContentType="application/vnd.openxmlformats-officedocument.presentationml.notesSlide+xml"/>
  <Override PartName="/ppt/tags/tag194.xml" ContentType="application/vnd.openxmlformats-officedocument.presentationml.tags+xml"/>
  <Override PartName="/ppt/tags/tag195.xml" ContentType="application/vnd.openxmlformats-officedocument.presentationml.tags+xml"/>
  <Override PartName="/ppt/notesSlides/notesSlide24.xml" ContentType="application/vnd.openxmlformats-officedocument.presentationml.notesSlide+xml"/>
  <Override PartName="/ppt/tags/tag196.xml" ContentType="application/vnd.openxmlformats-officedocument.presentationml.tags+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214" r:id="rId1"/>
    <p:sldMasterId id="2147484221" r:id="rId2"/>
    <p:sldMasterId id="2147484229" r:id="rId3"/>
    <p:sldMasterId id="2147484238" r:id="rId4"/>
  </p:sldMasterIdLst>
  <p:notesMasterIdLst>
    <p:notesMasterId r:id="rId31"/>
  </p:notesMasterIdLst>
  <p:handoutMasterIdLst>
    <p:handoutMasterId r:id="rId32"/>
  </p:handoutMasterIdLst>
  <p:sldIdLst>
    <p:sldId id="283" r:id="rId5"/>
    <p:sldId id="257" r:id="rId6"/>
    <p:sldId id="258" r:id="rId7"/>
    <p:sldId id="259" r:id="rId8"/>
    <p:sldId id="260" r:id="rId9"/>
    <p:sldId id="284" r:id="rId10"/>
    <p:sldId id="261" r:id="rId11"/>
    <p:sldId id="262" r:id="rId12"/>
    <p:sldId id="263" r:id="rId13"/>
    <p:sldId id="280" r:id="rId14"/>
    <p:sldId id="264" r:id="rId15"/>
    <p:sldId id="265" r:id="rId16"/>
    <p:sldId id="281" r:id="rId17"/>
    <p:sldId id="266" r:id="rId18"/>
    <p:sldId id="267" r:id="rId19"/>
    <p:sldId id="268" r:id="rId20"/>
    <p:sldId id="269" r:id="rId21"/>
    <p:sldId id="270" r:id="rId22"/>
    <p:sldId id="271" r:id="rId23"/>
    <p:sldId id="272" r:id="rId24"/>
    <p:sldId id="273" r:id="rId25"/>
    <p:sldId id="274" r:id="rId26"/>
    <p:sldId id="275" r:id="rId27"/>
    <p:sldId id="276" r:id="rId28"/>
    <p:sldId id="277" r:id="rId29"/>
    <p:sldId id="279" r:id="rId30"/>
  </p:sldIdLst>
  <p:sldSz cx="9144000" cy="6858000" type="screen4x3"/>
  <p:notesSz cx="6797675" cy="9926638"/>
  <p:custDataLst>
    <p:tags r:id="rId33"/>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87" autoAdjust="0"/>
    <p:restoredTop sz="75200" autoAdjust="0"/>
  </p:normalViewPr>
  <p:slideViewPr>
    <p:cSldViewPr>
      <p:cViewPr>
        <p:scale>
          <a:sx n="60" d="100"/>
          <a:sy n="60" d="100"/>
        </p:scale>
        <p:origin x="2006" y="48"/>
      </p:cViewPr>
      <p:guideLst>
        <p:guide orient="horz" pos="2160"/>
        <p:guide pos="2880"/>
      </p:guideLst>
    </p:cSldViewPr>
  </p:slideViewPr>
  <p:notesTextViewPr>
    <p:cViewPr>
      <p:scale>
        <a:sx n="3" d="2"/>
        <a:sy n="3" d="2"/>
      </p:scale>
      <p:origin x="0" y="0"/>
    </p:cViewPr>
  </p:notesTextViewPr>
  <p:notesViewPr>
    <p:cSldViewPr>
      <p:cViewPr varScale="1">
        <p:scale>
          <a:sx n="74" d="100"/>
          <a:sy n="74" d="100"/>
        </p:scale>
        <p:origin x="3000" y="6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slideMaster" Target="slideMasters/slideMaster3.xml"/><Relationship Id="rId21" Type="http://schemas.openxmlformats.org/officeDocument/2006/relationships/slide" Target="slides/slide17.xml"/><Relationship Id="rId34" Type="http://schemas.openxmlformats.org/officeDocument/2006/relationships/presProps" Target="presProp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gs" Target="tags/tag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handoutMaster" Target="handoutMasters/handoutMaster1.xml"/><Relationship Id="rId37"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notesMaster" Target="notesMasters/notesMaster1.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50443" y="0"/>
            <a:ext cx="2945659" cy="498056"/>
          </a:xfrm>
          <a:prstGeom prst="rect">
            <a:avLst/>
          </a:prstGeom>
        </p:spPr>
        <p:txBody>
          <a:bodyPr vert="horz" lIns="91440" tIns="45720" rIns="91440" bIns="45720" rtlCol="0"/>
          <a:lstStyle>
            <a:lvl1pPr algn="r">
              <a:defRPr sz="1200"/>
            </a:lvl1pPr>
          </a:lstStyle>
          <a:p>
            <a:fld id="{00367AFD-8550-49D7-9818-AF0C8C56386E}" type="datetimeFigureOut">
              <a:rPr lang="de-CH" smtClean="0"/>
              <a:t>04.04.2024</a:t>
            </a:fld>
            <a:endParaRPr lang="de-CH" dirty="0"/>
          </a:p>
        </p:txBody>
      </p:sp>
      <p:sp>
        <p:nvSpPr>
          <p:cNvPr id="4" name="Fußzeilenplatzhalter 3"/>
          <p:cNvSpPr>
            <a:spLocks noGrp="1"/>
          </p:cNvSpPr>
          <p:nvPr>
            <p:ph type="ftr" sz="quarter" idx="2"/>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50443" y="9428584"/>
            <a:ext cx="2945659" cy="498055"/>
          </a:xfrm>
          <a:prstGeom prst="rect">
            <a:avLst/>
          </a:prstGeom>
        </p:spPr>
        <p:txBody>
          <a:bodyPr vert="horz" lIns="91440" tIns="45720" rIns="91440" bIns="45720" rtlCol="0" anchor="b"/>
          <a:lstStyle>
            <a:lvl1pPr algn="r">
              <a:defRPr sz="1200"/>
            </a:lvl1pPr>
          </a:lstStyle>
          <a:p>
            <a:fld id="{7649498E-38BC-45DB-A010-7203956F2704}" type="slidenum">
              <a:rPr lang="de-CH" smtClean="0"/>
              <a:t>‹Nr.›</a:t>
            </a:fld>
            <a:endParaRPr lang="de-CH" dirty="0"/>
          </a:p>
        </p:txBody>
      </p:sp>
    </p:spTree>
    <p:extLst>
      <p:ext uri="{BB962C8B-B14F-4D97-AF65-F5344CB8AC3E}">
        <p14:creationId xmlns:p14="http://schemas.microsoft.com/office/powerpoint/2010/main" val="363791461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A02B02EC-BA41-4EA0-918A-B65E1E43CE38}" type="datetimeFigureOut">
              <a:rPr lang="de-CH" smtClean="0"/>
              <a:t>04.04.2024</a:t>
            </a:fld>
            <a:endParaRPr lang="de-CH" dirty="0"/>
          </a:p>
        </p:txBody>
      </p:sp>
      <p:sp>
        <p:nvSpPr>
          <p:cNvPr id="4" name="Folienbildplatzhalter 3"/>
          <p:cNvSpPr>
            <a:spLocks noGrp="1" noRot="1" noChangeAspect="1"/>
          </p:cNvSpPr>
          <p:nvPr>
            <p:ph type="sldImg" idx="2"/>
          </p:nvPr>
        </p:nvSpPr>
        <p:spPr>
          <a:xfrm>
            <a:off x="1166813" y="1241425"/>
            <a:ext cx="4464050" cy="3349625"/>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de-CH" dirty="0"/>
              <a:t>Formatvorlagen des Textmasters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ußzeilenplatzhalt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E59D041E-FB90-49B7-BC00-5BB22B595034}" type="slidenum">
              <a:rPr lang="de-CH" smtClean="0"/>
              <a:t>‹Nr.›</a:t>
            </a:fld>
            <a:endParaRPr lang="de-CH" dirty="0"/>
          </a:p>
        </p:txBody>
      </p:sp>
    </p:spTree>
    <p:extLst>
      <p:ext uri="{BB962C8B-B14F-4D97-AF65-F5344CB8AC3E}">
        <p14:creationId xmlns:p14="http://schemas.microsoft.com/office/powerpoint/2010/main" val="33916043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2</a:t>
            </a:fld>
            <a:endParaRPr lang="de-CH" dirty="0"/>
          </a:p>
        </p:txBody>
      </p:sp>
    </p:spTree>
    <p:extLst>
      <p:ext uri="{BB962C8B-B14F-4D97-AF65-F5344CB8AC3E}">
        <p14:creationId xmlns:p14="http://schemas.microsoft.com/office/powerpoint/2010/main" val="41975891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David</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11</a:t>
            </a:fld>
            <a:endParaRPr lang="de-CH" dirty="0"/>
          </a:p>
        </p:txBody>
      </p:sp>
    </p:spTree>
    <p:extLst>
      <p:ext uri="{BB962C8B-B14F-4D97-AF65-F5344CB8AC3E}">
        <p14:creationId xmlns:p14="http://schemas.microsoft.com/office/powerpoint/2010/main" val="392625223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David</a:t>
            </a:r>
          </a:p>
        </p:txBody>
      </p:sp>
      <p:sp>
        <p:nvSpPr>
          <p:cNvPr id="4" name="Foliennummernplatzhalter 3"/>
          <p:cNvSpPr>
            <a:spLocks noGrp="1"/>
          </p:cNvSpPr>
          <p:nvPr>
            <p:ph type="sldNum" sz="quarter" idx="10"/>
          </p:nvPr>
        </p:nvSpPr>
        <p:spPr/>
        <p:txBody>
          <a:bodyPr/>
          <a:lstStyle/>
          <a:p>
            <a:fld id="{E59D041E-FB90-49B7-BC00-5BB22B595034}" type="slidenum">
              <a:rPr lang="de-CH" smtClean="0"/>
              <a:t>12</a:t>
            </a:fld>
            <a:endParaRPr lang="de-CH" dirty="0"/>
          </a:p>
        </p:txBody>
      </p:sp>
    </p:spTree>
    <p:extLst>
      <p:ext uri="{BB962C8B-B14F-4D97-AF65-F5344CB8AC3E}">
        <p14:creationId xmlns:p14="http://schemas.microsoft.com/office/powerpoint/2010/main" val="19154268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E59D041E-FB90-49B7-BC00-5BB22B595034}" type="slidenum">
              <a:rPr lang="de-CH" smtClean="0"/>
              <a:t>13</a:t>
            </a:fld>
            <a:endParaRPr lang="de-CH" dirty="0"/>
          </a:p>
        </p:txBody>
      </p:sp>
    </p:spTree>
    <p:extLst>
      <p:ext uri="{BB962C8B-B14F-4D97-AF65-F5344CB8AC3E}">
        <p14:creationId xmlns:p14="http://schemas.microsoft.com/office/powerpoint/2010/main" val="396367803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14</a:t>
            </a:fld>
            <a:endParaRPr lang="de-CH" dirty="0"/>
          </a:p>
        </p:txBody>
      </p:sp>
    </p:spTree>
    <p:extLst>
      <p:ext uri="{BB962C8B-B14F-4D97-AF65-F5344CB8AC3E}">
        <p14:creationId xmlns:p14="http://schemas.microsoft.com/office/powerpoint/2010/main" val="218308633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15</a:t>
            </a:fld>
            <a:endParaRPr lang="de-CH" dirty="0"/>
          </a:p>
        </p:txBody>
      </p:sp>
    </p:spTree>
    <p:extLst>
      <p:ext uri="{BB962C8B-B14F-4D97-AF65-F5344CB8AC3E}">
        <p14:creationId xmlns:p14="http://schemas.microsoft.com/office/powerpoint/2010/main" val="179225512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16</a:t>
            </a:fld>
            <a:endParaRPr lang="de-CH" dirty="0"/>
          </a:p>
        </p:txBody>
      </p:sp>
    </p:spTree>
    <p:extLst>
      <p:ext uri="{BB962C8B-B14F-4D97-AF65-F5344CB8AC3E}">
        <p14:creationId xmlns:p14="http://schemas.microsoft.com/office/powerpoint/2010/main" val="130492219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17</a:t>
            </a:fld>
            <a:endParaRPr lang="de-CH" dirty="0"/>
          </a:p>
        </p:txBody>
      </p:sp>
    </p:spTree>
    <p:extLst>
      <p:ext uri="{BB962C8B-B14F-4D97-AF65-F5344CB8AC3E}">
        <p14:creationId xmlns:p14="http://schemas.microsoft.com/office/powerpoint/2010/main" val="232653020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18</a:t>
            </a:fld>
            <a:endParaRPr lang="de-CH" dirty="0"/>
          </a:p>
        </p:txBody>
      </p:sp>
    </p:spTree>
    <p:extLst>
      <p:ext uri="{BB962C8B-B14F-4D97-AF65-F5344CB8AC3E}">
        <p14:creationId xmlns:p14="http://schemas.microsoft.com/office/powerpoint/2010/main" val="25084278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David</a:t>
            </a:r>
          </a:p>
        </p:txBody>
      </p:sp>
      <p:sp>
        <p:nvSpPr>
          <p:cNvPr id="4" name="Foliennummernplatzhalter 3"/>
          <p:cNvSpPr>
            <a:spLocks noGrp="1"/>
          </p:cNvSpPr>
          <p:nvPr>
            <p:ph type="sldNum" sz="quarter" idx="10"/>
          </p:nvPr>
        </p:nvSpPr>
        <p:spPr/>
        <p:txBody>
          <a:bodyPr/>
          <a:lstStyle/>
          <a:p>
            <a:fld id="{E59D041E-FB90-49B7-BC00-5BB22B595034}" type="slidenum">
              <a:rPr lang="de-CH" smtClean="0"/>
              <a:t>19</a:t>
            </a:fld>
            <a:endParaRPr lang="de-CH" dirty="0"/>
          </a:p>
        </p:txBody>
      </p:sp>
    </p:spTree>
    <p:extLst>
      <p:ext uri="{BB962C8B-B14F-4D97-AF65-F5344CB8AC3E}">
        <p14:creationId xmlns:p14="http://schemas.microsoft.com/office/powerpoint/2010/main" val="264950655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David</a:t>
            </a:r>
          </a:p>
        </p:txBody>
      </p:sp>
      <p:sp>
        <p:nvSpPr>
          <p:cNvPr id="4" name="Foliennummernplatzhalter 3"/>
          <p:cNvSpPr>
            <a:spLocks noGrp="1"/>
          </p:cNvSpPr>
          <p:nvPr>
            <p:ph type="sldNum" sz="quarter" idx="10"/>
          </p:nvPr>
        </p:nvSpPr>
        <p:spPr/>
        <p:txBody>
          <a:bodyPr/>
          <a:lstStyle/>
          <a:p>
            <a:fld id="{E59D041E-FB90-49B7-BC00-5BB22B595034}" type="slidenum">
              <a:rPr lang="de-CH" smtClean="0"/>
              <a:t>20</a:t>
            </a:fld>
            <a:endParaRPr lang="de-CH" dirty="0"/>
          </a:p>
        </p:txBody>
      </p:sp>
    </p:spTree>
    <p:extLst>
      <p:ext uri="{BB962C8B-B14F-4D97-AF65-F5344CB8AC3E}">
        <p14:creationId xmlns:p14="http://schemas.microsoft.com/office/powerpoint/2010/main" val="69247226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p:txBody>
      </p:sp>
      <p:sp>
        <p:nvSpPr>
          <p:cNvPr id="4" name="Foliennummernplatzhalter 3"/>
          <p:cNvSpPr>
            <a:spLocks noGrp="1"/>
          </p:cNvSpPr>
          <p:nvPr>
            <p:ph type="sldNum" sz="quarter" idx="10"/>
          </p:nvPr>
        </p:nvSpPr>
        <p:spPr/>
        <p:txBody>
          <a:bodyPr/>
          <a:lstStyle/>
          <a:p>
            <a:fld id="{E59D041E-FB90-49B7-BC00-5BB22B595034}" type="slidenum">
              <a:rPr lang="de-CH" smtClean="0"/>
              <a:t>3</a:t>
            </a:fld>
            <a:endParaRPr lang="de-CH" dirty="0"/>
          </a:p>
        </p:txBody>
      </p:sp>
    </p:spTree>
    <p:extLst>
      <p:ext uri="{BB962C8B-B14F-4D97-AF65-F5344CB8AC3E}">
        <p14:creationId xmlns:p14="http://schemas.microsoft.com/office/powerpoint/2010/main" val="36108302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21</a:t>
            </a:fld>
            <a:endParaRPr lang="de-CH" dirty="0"/>
          </a:p>
        </p:txBody>
      </p:sp>
    </p:spTree>
    <p:extLst>
      <p:ext uri="{BB962C8B-B14F-4D97-AF65-F5344CB8AC3E}">
        <p14:creationId xmlns:p14="http://schemas.microsoft.com/office/powerpoint/2010/main" val="255166365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22</a:t>
            </a:fld>
            <a:endParaRPr lang="de-CH" dirty="0"/>
          </a:p>
        </p:txBody>
      </p:sp>
    </p:spTree>
    <p:extLst>
      <p:ext uri="{BB962C8B-B14F-4D97-AF65-F5344CB8AC3E}">
        <p14:creationId xmlns:p14="http://schemas.microsoft.com/office/powerpoint/2010/main" val="49980462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a:p>
            <a:endParaRPr lang="de-CH" dirty="0"/>
          </a:p>
          <a:p>
            <a:r>
              <a:rPr lang="de-CH" dirty="0"/>
              <a:t>Fallbeispiele:</a:t>
            </a:r>
          </a:p>
        </p:txBody>
      </p:sp>
      <p:sp>
        <p:nvSpPr>
          <p:cNvPr id="4" name="Foliennummernplatzhalter 3"/>
          <p:cNvSpPr>
            <a:spLocks noGrp="1"/>
          </p:cNvSpPr>
          <p:nvPr>
            <p:ph type="sldNum" sz="quarter" idx="10"/>
          </p:nvPr>
        </p:nvSpPr>
        <p:spPr/>
        <p:txBody>
          <a:bodyPr/>
          <a:lstStyle/>
          <a:p>
            <a:fld id="{E59D041E-FB90-49B7-BC00-5BB22B595034}" type="slidenum">
              <a:rPr lang="de-CH" smtClean="0"/>
              <a:t>23</a:t>
            </a:fld>
            <a:endParaRPr lang="de-CH" dirty="0"/>
          </a:p>
        </p:txBody>
      </p:sp>
    </p:spTree>
    <p:extLst>
      <p:ext uri="{BB962C8B-B14F-4D97-AF65-F5344CB8AC3E}">
        <p14:creationId xmlns:p14="http://schemas.microsoft.com/office/powerpoint/2010/main" val="359943611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24</a:t>
            </a:fld>
            <a:endParaRPr lang="de-CH" dirty="0"/>
          </a:p>
        </p:txBody>
      </p:sp>
    </p:spTree>
    <p:extLst>
      <p:ext uri="{BB962C8B-B14F-4D97-AF65-F5344CB8AC3E}">
        <p14:creationId xmlns:p14="http://schemas.microsoft.com/office/powerpoint/2010/main" val="210891633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E59D041E-FB90-49B7-BC00-5BB22B595034}" type="slidenum">
              <a:rPr lang="de-CH" smtClean="0"/>
              <a:t>25</a:t>
            </a:fld>
            <a:endParaRPr lang="de-CH" dirty="0"/>
          </a:p>
        </p:txBody>
      </p:sp>
    </p:spTree>
    <p:extLst>
      <p:ext uri="{BB962C8B-B14F-4D97-AF65-F5344CB8AC3E}">
        <p14:creationId xmlns:p14="http://schemas.microsoft.com/office/powerpoint/2010/main" val="138351256"/>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Foliennummernplatzhalter 3"/>
          <p:cNvSpPr>
            <a:spLocks noGrp="1"/>
          </p:cNvSpPr>
          <p:nvPr>
            <p:ph type="sldNum" sz="quarter" idx="10"/>
          </p:nvPr>
        </p:nvSpPr>
        <p:spPr/>
        <p:txBody>
          <a:bodyPr/>
          <a:lstStyle/>
          <a:p>
            <a:fld id="{E59D041E-FB90-49B7-BC00-5BB22B595034}" type="slidenum">
              <a:rPr lang="de-CH" smtClean="0"/>
              <a:t>26</a:t>
            </a:fld>
            <a:endParaRPr lang="de-CH" dirty="0"/>
          </a:p>
        </p:txBody>
      </p:sp>
    </p:spTree>
    <p:extLst>
      <p:ext uri="{BB962C8B-B14F-4D97-AF65-F5344CB8AC3E}">
        <p14:creationId xmlns:p14="http://schemas.microsoft.com/office/powerpoint/2010/main" val="28906851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4</a:t>
            </a:fld>
            <a:endParaRPr lang="de-CH" dirty="0"/>
          </a:p>
        </p:txBody>
      </p:sp>
    </p:spTree>
    <p:extLst>
      <p:ext uri="{BB962C8B-B14F-4D97-AF65-F5344CB8AC3E}">
        <p14:creationId xmlns:p14="http://schemas.microsoft.com/office/powerpoint/2010/main" val="279374665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5</a:t>
            </a:fld>
            <a:endParaRPr lang="de-CH" dirty="0"/>
          </a:p>
        </p:txBody>
      </p:sp>
    </p:spTree>
    <p:extLst>
      <p:ext uri="{BB962C8B-B14F-4D97-AF65-F5344CB8AC3E}">
        <p14:creationId xmlns:p14="http://schemas.microsoft.com/office/powerpoint/2010/main" val="136671419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6</a:t>
            </a:fld>
            <a:endParaRPr lang="de-CH" dirty="0"/>
          </a:p>
        </p:txBody>
      </p:sp>
    </p:spTree>
    <p:extLst>
      <p:ext uri="{BB962C8B-B14F-4D97-AF65-F5344CB8AC3E}">
        <p14:creationId xmlns:p14="http://schemas.microsoft.com/office/powerpoint/2010/main" val="339601346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7</a:t>
            </a:fld>
            <a:endParaRPr lang="de-CH" dirty="0"/>
          </a:p>
        </p:txBody>
      </p:sp>
    </p:spTree>
    <p:extLst>
      <p:ext uri="{BB962C8B-B14F-4D97-AF65-F5344CB8AC3E}">
        <p14:creationId xmlns:p14="http://schemas.microsoft.com/office/powerpoint/2010/main" val="24726576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8</a:t>
            </a:fld>
            <a:endParaRPr lang="de-CH" dirty="0"/>
          </a:p>
        </p:txBody>
      </p:sp>
    </p:spTree>
    <p:extLst>
      <p:ext uri="{BB962C8B-B14F-4D97-AF65-F5344CB8AC3E}">
        <p14:creationId xmlns:p14="http://schemas.microsoft.com/office/powerpoint/2010/main" val="340528761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CMM</a:t>
            </a:r>
          </a:p>
        </p:txBody>
      </p:sp>
      <p:sp>
        <p:nvSpPr>
          <p:cNvPr id="4" name="Foliennummernplatzhalter 3"/>
          <p:cNvSpPr>
            <a:spLocks noGrp="1"/>
          </p:cNvSpPr>
          <p:nvPr>
            <p:ph type="sldNum" sz="quarter" idx="10"/>
          </p:nvPr>
        </p:nvSpPr>
        <p:spPr/>
        <p:txBody>
          <a:bodyPr/>
          <a:lstStyle/>
          <a:p>
            <a:fld id="{E59D041E-FB90-49B7-BC00-5BB22B595034}" type="slidenum">
              <a:rPr lang="de-CH" smtClean="0"/>
              <a:t>9</a:t>
            </a:fld>
            <a:endParaRPr lang="de-CH" dirty="0"/>
          </a:p>
        </p:txBody>
      </p:sp>
    </p:spTree>
    <p:extLst>
      <p:ext uri="{BB962C8B-B14F-4D97-AF65-F5344CB8AC3E}">
        <p14:creationId xmlns:p14="http://schemas.microsoft.com/office/powerpoint/2010/main" val="374453569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sz="1200" dirty="0">
                <a:solidFill>
                  <a:srgbClr val="000000"/>
                </a:solidFill>
              </a:rPr>
              <a:t>David:</a:t>
            </a:r>
          </a:p>
          <a:p>
            <a:pPr marL="0" marR="0" lvl="0" indent="0" algn="l" defTabSz="914400" rtl="0" eaLnBrk="1" fontAlgn="auto" latinLnBrk="0" hangingPunct="1">
              <a:lnSpc>
                <a:spcPct val="100000"/>
              </a:lnSpc>
              <a:spcBef>
                <a:spcPts val="0"/>
              </a:spcBef>
              <a:spcAft>
                <a:spcPts val="0"/>
              </a:spcAft>
              <a:buClrTx/>
              <a:buSzTx/>
              <a:buFontTx/>
              <a:buNone/>
              <a:tabLst/>
              <a:defRPr/>
            </a:pPr>
            <a:endParaRPr lang="de-CH" sz="1200" dirty="0">
              <a:solidFill>
                <a:srgbClr val="00000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e-CH" sz="1200" dirty="0">
                <a:solidFill>
                  <a:srgbClr val="000000"/>
                </a:solidFill>
              </a:rPr>
              <a:t>Auch wenn die D-EDK</a:t>
            </a:r>
            <a:r>
              <a:rPr lang="de-CH" sz="1200" baseline="0" dirty="0">
                <a:solidFill>
                  <a:srgbClr val="000000"/>
                </a:solidFill>
              </a:rPr>
              <a:t> aufgelöst wurde besteht weiterhin Koordinationsbedarf, vor allem im Bereich der Umsetzung des LP 21. Dieser wird durch die </a:t>
            </a:r>
            <a:r>
              <a:rPr lang="de-CH" sz="1200" kern="1200" dirty="0">
                <a:solidFill>
                  <a:schemeClr val="tx1"/>
                </a:solidFill>
                <a:effectLst/>
                <a:latin typeface="+mn-lt"/>
                <a:ea typeface="+mn-ea"/>
                <a:cs typeface="+mn-cs"/>
              </a:rPr>
              <a:t>Deutschschweizer Volksschulämter-Konferenz (DVK), die Kantonalen Umsetzungsverantwortlichen (KUV)</a:t>
            </a:r>
            <a:r>
              <a:rPr lang="de-CH" sz="1200" kern="1200" baseline="0" dirty="0">
                <a:solidFill>
                  <a:schemeClr val="tx1"/>
                </a:solidFill>
                <a:effectLst/>
                <a:latin typeface="+mn-lt"/>
                <a:ea typeface="+mn-ea"/>
                <a:cs typeface="+mn-cs"/>
              </a:rPr>
              <a:t> und im Bereich der Lehrmittel durch die Interkantonale Lehrmittelzentrale (ILZ) wahrgenommen.</a:t>
            </a:r>
            <a:r>
              <a:rPr lang="de-CH" sz="1200" kern="1200" dirty="0">
                <a:solidFill>
                  <a:schemeClr val="tx1"/>
                </a:solidFill>
                <a:effectLst/>
                <a:latin typeface="+mn-lt"/>
                <a:ea typeface="+mn-ea"/>
                <a:cs typeface="+mn-cs"/>
              </a:rPr>
              <a:t> </a:t>
            </a:r>
            <a:r>
              <a:rPr lang="de-CH" sz="1200" baseline="0" dirty="0">
                <a:solidFill>
                  <a:srgbClr val="000000"/>
                </a:solidFill>
              </a:rPr>
              <a:t> </a:t>
            </a:r>
            <a:endParaRPr lang="de-CH" sz="1200" dirty="0">
              <a:solidFill>
                <a:srgbClr val="00000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e-CH" sz="1200" dirty="0">
              <a:solidFill>
                <a:srgbClr val="000000"/>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e-CH" sz="1200" dirty="0">
                <a:solidFill>
                  <a:srgbClr val="000000"/>
                </a:solidFill>
              </a:rPr>
              <a:t>Die Westschweiz hat ihre Hausaufgaben mit dem Plan </a:t>
            </a:r>
            <a:r>
              <a:rPr lang="de-CH" sz="1200" dirty="0" err="1">
                <a:solidFill>
                  <a:srgbClr val="000000"/>
                </a:solidFill>
              </a:rPr>
              <a:t>d’études</a:t>
            </a:r>
            <a:r>
              <a:rPr lang="de-CH" sz="1200" dirty="0">
                <a:solidFill>
                  <a:srgbClr val="000000"/>
                </a:solidFill>
              </a:rPr>
              <a:t> </a:t>
            </a:r>
            <a:r>
              <a:rPr lang="de-CH" sz="1200" dirty="0" err="1">
                <a:solidFill>
                  <a:srgbClr val="000000"/>
                </a:solidFill>
              </a:rPr>
              <a:t>romand</a:t>
            </a:r>
            <a:r>
              <a:rPr lang="de-CH" sz="1200" dirty="0">
                <a:solidFill>
                  <a:srgbClr val="000000"/>
                </a:solidFill>
              </a:rPr>
              <a:t> (PER) schon gemacht. </a:t>
            </a:r>
            <a:r>
              <a:rPr lang="de-DE" sz="1200" dirty="0">
                <a:solidFill>
                  <a:srgbClr val="000000"/>
                </a:solidFill>
              </a:rPr>
              <a:t>Seit dem Schuljahr 2014/2015 werden alle Schülerinnen und Schüler der obligatorischen Schule in der Westschweiz nach dem PER unterrichtet.</a:t>
            </a:r>
          </a:p>
          <a:p>
            <a:endParaRPr lang="de-CH" baseline="0" dirty="0"/>
          </a:p>
          <a:p>
            <a:pPr defTabSz="882213"/>
            <a:r>
              <a:rPr lang="de-DE" sz="1200" dirty="0">
                <a:solidFill>
                  <a:srgbClr val="000000"/>
                </a:solidFill>
              </a:rPr>
              <a:t>Im Tessin wurde ein neuer, kompetenzorientierter</a:t>
            </a:r>
            <a:r>
              <a:rPr lang="de-DE" sz="1200" baseline="0" dirty="0">
                <a:solidFill>
                  <a:srgbClr val="000000"/>
                </a:solidFill>
              </a:rPr>
              <a:t> Lehrplan erarbeitet (Piano di </a:t>
            </a:r>
            <a:r>
              <a:rPr lang="de-DE" sz="1200" baseline="0" dirty="0" err="1">
                <a:solidFill>
                  <a:srgbClr val="000000"/>
                </a:solidFill>
              </a:rPr>
              <a:t>studio</a:t>
            </a:r>
            <a:r>
              <a:rPr lang="de-DE" sz="1200" baseline="0" dirty="0">
                <a:solidFill>
                  <a:srgbClr val="000000"/>
                </a:solidFill>
              </a:rPr>
              <a:t>). Er wurde bereits eingeführt. </a:t>
            </a:r>
            <a:endParaRPr lang="de-DE" sz="1200" dirty="0">
              <a:solidFill>
                <a:srgbClr val="000000"/>
              </a:solidFill>
            </a:endParaRPr>
          </a:p>
          <a:p>
            <a:pPr defTabSz="882213"/>
            <a:endParaRPr lang="de-DE" sz="1200" dirty="0">
              <a:solidFill>
                <a:srgbClr val="000000"/>
              </a:solidFill>
            </a:endParaRPr>
          </a:p>
          <a:p>
            <a:pPr defTabSz="882213"/>
            <a:r>
              <a:rPr lang="de-DE" sz="1200" dirty="0">
                <a:solidFill>
                  <a:srgbClr val="000000"/>
                </a:solidFill>
              </a:rPr>
              <a:t>In der Deutschschweiz wird diese Forderung durch den Lehrplan 21 abgedeckt und der </a:t>
            </a:r>
            <a:r>
              <a:rPr lang="de-DE" sz="1200" dirty="0" err="1">
                <a:solidFill>
                  <a:srgbClr val="000000"/>
                </a:solidFill>
              </a:rPr>
              <a:t>Grossteil</a:t>
            </a:r>
            <a:r>
              <a:rPr lang="de-DE" sz="1200" dirty="0">
                <a:solidFill>
                  <a:srgbClr val="000000"/>
                </a:solidFill>
              </a:rPr>
              <a:t> der Kantone hat der Umsetzung zugestimmt </a:t>
            </a:r>
            <a:r>
              <a:rPr lang="de-DE" sz="1200" dirty="0">
                <a:solidFill>
                  <a:srgbClr val="FF0000"/>
                </a:solidFill>
              </a:rPr>
              <a:t>(noch offen Stand Januar 2017: Aargau, Appenzell IR, Wallis).</a:t>
            </a:r>
            <a:endParaRPr lang="de-CH" sz="1200" dirty="0">
              <a:solidFill>
                <a:srgbClr val="FF0000"/>
              </a:solidFill>
            </a:endParaRPr>
          </a:p>
          <a:p>
            <a:endParaRPr lang="de-CH" dirty="0"/>
          </a:p>
        </p:txBody>
      </p:sp>
      <p:sp>
        <p:nvSpPr>
          <p:cNvPr id="4" name="Foliennummernplatzhalter 3"/>
          <p:cNvSpPr>
            <a:spLocks noGrp="1"/>
          </p:cNvSpPr>
          <p:nvPr>
            <p:ph type="sldNum" sz="quarter" idx="10"/>
          </p:nvPr>
        </p:nvSpPr>
        <p:spPr/>
        <p:txBody>
          <a:bodyPr/>
          <a:lstStyle/>
          <a:p>
            <a:fld id="{80D8C9D2-A4D5-43CE-A0D4-D7E0CB9F6A2D}" type="slidenum">
              <a:rPr lang="de-CH" smtClean="0"/>
              <a:t>10</a:t>
            </a:fld>
            <a:endParaRPr lang="de-CH" dirty="0"/>
          </a:p>
        </p:txBody>
      </p:sp>
    </p:spTree>
    <p:extLst>
      <p:ext uri="{BB962C8B-B14F-4D97-AF65-F5344CB8AC3E}">
        <p14:creationId xmlns:p14="http://schemas.microsoft.com/office/powerpoint/2010/main" val="3389297676"/>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7.xml"/><Relationship Id="rId7" Type="http://schemas.openxmlformats.org/officeDocument/2006/relationships/image" Target="../media/image2.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4" Type="http://schemas.openxmlformats.org/officeDocument/2006/relationships/tags" Target="../tags/tag8.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51.xml"/><Relationship Id="rId7" Type="http://schemas.openxmlformats.org/officeDocument/2006/relationships/slideMaster" Target="../slideMasters/slideMaster2.xml"/><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tags" Target="../tags/tag54.xml"/><Relationship Id="rId5" Type="http://schemas.openxmlformats.org/officeDocument/2006/relationships/tags" Target="../tags/tag53.xml"/><Relationship Id="rId4" Type="http://schemas.openxmlformats.org/officeDocument/2006/relationships/tags" Target="../tags/tag52.xml"/></Relationships>
</file>

<file path=ppt/slideLayouts/_rels/slideLayout11.xml.rels><?xml version="1.0" encoding="UTF-8" standalone="yes"?>
<Relationships xmlns="http://schemas.openxmlformats.org/package/2006/relationships"><Relationship Id="rId8" Type="http://schemas.openxmlformats.org/officeDocument/2006/relationships/tags" Target="../tags/tag62.xml"/><Relationship Id="rId13" Type="http://schemas.openxmlformats.org/officeDocument/2006/relationships/slideMaster" Target="../slideMasters/slideMaster2.xml"/><Relationship Id="rId3" Type="http://schemas.openxmlformats.org/officeDocument/2006/relationships/tags" Target="../tags/tag57.xml"/><Relationship Id="rId7" Type="http://schemas.openxmlformats.org/officeDocument/2006/relationships/tags" Target="../tags/tag61.xml"/><Relationship Id="rId12" Type="http://schemas.openxmlformats.org/officeDocument/2006/relationships/tags" Target="../tags/tag66.xml"/><Relationship Id="rId2" Type="http://schemas.openxmlformats.org/officeDocument/2006/relationships/tags" Target="../tags/tag56.xml"/><Relationship Id="rId1" Type="http://schemas.openxmlformats.org/officeDocument/2006/relationships/tags" Target="../tags/tag55.xml"/><Relationship Id="rId6" Type="http://schemas.openxmlformats.org/officeDocument/2006/relationships/tags" Target="../tags/tag60.xml"/><Relationship Id="rId11" Type="http://schemas.openxmlformats.org/officeDocument/2006/relationships/tags" Target="../tags/tag65.xml"/><Relationship Id="rId5" Type="http://schemas.openxmlformats.org/officeDocument/2006/relationships/tags" Target="../tags/tag59.xml"/><Relationship Id="rId10" Type="http://schemas.openxmlformats.org/officeDocument/2006/relationships/tags" Target="../tags/tag64.xml"/><Relationship Id="rId4" Type="http://schemas.openxmlformats.org/officeDocument/2006/relationships/tags" Target="../tags/tag58.xml"/><Relationship Id="rId9" Type="http://schemas.openxmlformats.org/officeDocument/2006/relationships/tags" Target="../tags/tag63.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69.xml"/><Relationship Id="rId2" Type="http://schemas.openxmlformats.org/officeDocument/2006/relationships/tags" Target="../tags/tag68.xml"/><Relationship Id="rId1" Type="http://schemas.openxmlformats.org/officeDocument/2006/relationships/tags" Target="../tags/tag67.xml"/><Relationship Id="rId5" Type="http://schemas.openxmlformats.org/officeDocument/2006/relationships/slideMaster" Target="../slideMasters/slideMaster2.xml"/><Relationship Id="rId4" Type="http://schemas.openxmlformats.org/officeDocument/2006/relationships/tags" Target="../tags/tag70.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73.xml"/><Relationship Id="rId2" Type="http://schemas.openxmlformats.org/officeDocument/2006/relationships/tags" Target="../tags/tag72.xml"/><Relationship Id="rId1" Type="http://schemas.openxmlformats.org/officeDocument/2006/relationships/tags" Target="../tags/tag71.xml"/><Relationship Id="rId5" Type="http://schemas.openxmlformats.org/officeDocument/2006/relationships/slideMaster" Target="../slideMasters/slideMaster2.xml"/><Relationship Id="rId4" Type="http://schemas.openxmlformats.org/officeDocument/2006/relationships/tags" Target="../tags/tag74.xml"/></Relationships>
</file>

<file path=ppt/slideLayouts/_rels/slideLayout14.xml.rels><?xml version="1.0" encoding="UTF-8" standalone="yes"?>
<Relationships xmlns="http://schemas.openxmlformats.org/package/2006/relationships"><Relationship Id="rId3" Type="http://schemas.openxmlformats.org/officeDocument/2006/relationships/tags" Target="../tags/tag79.xml"/><Relationship Id="rId7" Type="http://schemas.openxmlformats.org/officeDocument/2006/relationships/image" Target="../media/image8.png"/><Relationship Id="rId2" Type="http://schemas.openxmlformats.org/officeDocument/2006/relationships/tags" Target="../tags/tag78.xml"/><Relationship Id="rId1" Type="http://schemas.openxmlformats.org/officeDocument/2006/relationships/tags" Target="../tags/tag77.xml"/><Relationship Id="rId6" Type="http://schemas.openxmlformats.org/officeDocument/2006/relationships/slideMaster" Target="../slideMasters/slideMaster3.xml"/><Relationship Id="rId5" Type="http://schemas.openxmlformats.org/officeDocument/2006/relationships/tags" Target="../tags/tag81.xml"/><Relationship Id="rId4" Type="http://schemas.openxmlformats.org/officeDocument/2006/relationships/tags" Target="../tags/tag80.xml"/></Relationships>
</file>

<file path=ppt/slideLayouts/_rels/slideLayout15.xml.rels><?xml version="1.0" encoding="UTF-8" standalone="yes"?>
<Relationships xmlns="http://schemas.openxmlformats.org/package/2006/relationships"><Relationship Id="rId3" Type="http://schemas.openxmlformats.org/officeDocument/2006/relationships/tags" Target="../tags/tag84.xml"/><Relationship Id="rId7" Type="http://schemas.openxmlformats.org/officeDocument/2006/relationships/image" Target="../media/image9.png"/><Relationship Id="rId2" Type="http://schemas.openxmlformats.org/officeDocument/2006/relationships/tags" Target="../tags/tag83.xml"/><Relationship Id="rId1" Type="http://schemas.openxmlformats.org/officeDocument/2006/relationships/tags" Target="../tags/tag82.xml"/><Relationship Id="rId6" Type="http://schemas.openxmlformats.org/officeDocument/2006/relationships/slideMaster" Target="../slideMasters/slideMaster3.xml"/><Relationship Id="rId5" Type="http://schemas.openxmlformats.org/officeDocument/2006/relationships/tags" Target="../tags/tag86.xml"/><Relationship Id="rId4" Type="http://schemas.openxmlformats.org/officeDocument/2006/relationships/tags" Target="../tags/tag85.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tags" Target="../tags/tag87.xml"/><Relationship Id="rId5" Type="http://schemas.openxmlformats.org/officeDocument/2006/relationships/image" Target="../media/image4.png"/><Relationship Id="rId4"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3.xml"/><Relationship Id="rId1" Type="http://schemas.openxmlformats.org/officeDocument/2006/relationships/tags" Target="../tags/tag90.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93.xml"/><Relationship Id="rId7" Type="http://schemas.openxmlformats.org/officeDocument/2006/relationships/image" Target="../media/image10.png"/><Relationship Id="rId2" Type="http://schemas.openxmlformats.org/officeDocument/2006/relationships/tags" Target="../tags/tag92.xml"/><Relationship Id="rId1" Type="http://schemas.openxmlformats.org/officeDocument/2006/relationships/tags" Target="../tags/tag91.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4.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97.xml"/><Relationship Id="rId7" Type="http://schemas.openxmlformats.org/officeDocument/2006/relationships/image" Target="../media/image10.png"/><Relationship Id="rId2" Type="http://schemas.openxmlformats.org/officeDocument/2006/relationships/tags" Target="../tags/tag96.xml"/><Relationship Id="rId1" Type="http://schemas.openxmlformats.org/officeDocument/2006/relationships/tags" Target="../tags/tag95.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98.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3" Type="http://schemas.openxmlformats.org/officeDocument/2006/relationships/tags" Target="../tags/tag101.xml"/><Relationship Id="rId7" Type="http://schemas.openxmlformats.org/officeDocument/2006/relationships/image" Target="../media/image10.png"/><Relationship Id="rId2" Type="http://schemas.openxmlformats.org/officeDocument/2006/relationships/tags" Target="../tags/tag100.xml"/><Relationship Id="rId1" Type="http://schemas.openxmlformats.org/officeDocument/2006/relationships/tags" Target="../tags/tag99.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2.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05.xml"/><Relationship Id="rId7" Type="http://schemas.openxmlformats.org/officeDocument/2006/relationships/image" Target="../media/image10.png"/><Relationship Id="rId2" Type="http://schemas.openxmlformats.org/officeDocument/2006/relationships/tags" Target="../tags/tag104.xml"/><Relationship Id="rId1" Type="http://schemas.openxmlformats.org/officeDocument/2006/relationships/tags" Target="../tags/tag103.xml"/><Relationship Id="rId6" Type="http://schemas.openxmlformats.org/officeDocument/2006/relationships/image" Target="../media/image4.png"/><Relationship Id="rId5" Type="http://schemas.openxmlformats.org/officeDocument/2006/relationships/slideMaster" Target="../slideMasters/slideMaster3.xml"/><Relationship Id="rId4" Type="http://schemas.openxmlformats.org/officeDocument/2006/relationships/tags" Target="../tags/tag106.xml"/></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1.xml"/><Relationship Id="rId1" Type="http://schemas.openxmlformats.org/officeDocument/2006/relationships/tags" Target="../tags/tag110.xml"/><Relationship Id="rId6" Type="http://schemas.openxmlformats.org/officeDocument/2006/relationships/image" Target="../media/image3.png"/><Relationship Id="rId5" Type="http://schemas.openxmlformats.org/officeDocument/2006/relationships/image" Target="../media/image11.png"/><Relationship Id="rId4" Type="http://schemas.openxmlformats.org/officeDocument/2006/relationships/image" Target="../media/image12.png"/></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4.xml"/><Relationship Id="rId7" Type="http://schemas.openxmlformats.org/officeDocument/2006/relationships/image" Target="../media/image5.png"/><Relationship Id="rId2" Type="http://schemas.openxmlformats.org/officeDocument/2006/relationships/tags" Target="../tags/tag113.xml"/><Relationship Id="rId1" Type="http://schemas.openxmlformats.org/officeDocument/2006/relationships/tags" Target="../tags/tag112.xml"/><Relationship Id="rId6" Type="http://schemas.openxmlformats.org/officeDocument/2006/relationships/image" Target="../media/image11.png"/><Relationship Id="rId5" Type="http://schemas.openxmlformats.org/officeDocument/2006/relationships/image" Target="../media/image14.png"/><Relationship Id="rId4" Type="http://schemas.openxmlformats.org/officeDocument/2006/relationships/image" Target="../media/image13.png"/></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5.xml"/><Relationship Id="rId1" Type="http://schemas.openxmlformats.org/officeDocument/2006/relationships/tags" Target="../tags/tag114.xml"/><Relationship Id="rId6" Type="http://schemas.openxmlformats.org/officeDocument/2006/relationships/image" Target="../media/image5.png"/><Relationship Id="rId5" Type="http://schemas.openxmlformats.org/officeDocument/2006/relationships/image" Target="../media/image11.png"/><Relationship Id="rId4" Type="http://schemas.openxmlformats.org/officeDocument/2006/relationships/image" Target="../media/image4.png"/></Relationships>
</file>

<file path=ppt/slideLayouts/_rels/slideLayout25.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117.xml"/><Relationship Id="rId1" Type="http://schemas.openxmlformats.org/officeDocument/2006/relationships/tags" Target="../tags/tag116.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14.xml"/><Relationship Id="rId7" Type="http://schemas.openxmlformats.org/officeDocument/2006/relationships/image" Target="../media/image3.png"/><Relationship Id="rId2" Type="http://schemas.openxmlformats.org/officeDocument/2006/relationships/tags" Target="../tags/tag13.xml"/><Relationship Id="rId1" Type="http://schemas.openxmlformats.org/officeDocument/2006/relationships/tags" Target="../tags/tag12.xml"/><Relationship Id="rId6" Type="http://schemas.openxmlformats.org/officeDocument/2006/relationships/slideMaster" Target="../slideMasters/slideMaster1.xml"/><Relationship Id="rId5" Type="http://schemas.openxmlformats.org/officeDocument/2006/relationships/tags" Target="../tags/tag16.xml"/><Relationship Id="rId4" Type="http://schemas.openxmlformats.org/officeDocument/2006/relationships/tags" Target="../tags/tag1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8.xml"/><Relationship Id="rId1" Type="http://schemas.openxmlformats.org/officeDocument/2006/relationships/tags" Target="../tags/tag17.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9.xml"/><Relationship Id="rId2" Type="http://schemas.openxmlformats.org/officeDocument/2006/relationships/tags" Target="../tags/tag28.xml"/><Relationship Id="rId1" Type="http://schemas.openxmlformats.org/officeDocument/2006/relationships/tags" Target="../tags/tag27.xml"/><Relationship Id="rId5" Type="http://schemas.openxmlformats.org/officeDocument/2006/relationships/slideMaster" Target="../slideMasters/slideMaster2.xml"/><Relationship Id="rId4" Type="http://schemas.openxmlformats.org/officeDocument/2006/relationships/tags" Target="../tags/tag30.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33.xml"/><Relationship Id="rId2" Type="http://schemas.openxmlformats.org/officeDocument/2006/relationships/tags" Target="../tags/tag32.xml"/><Relationship Id="rId1" Type="http://schemas.openxmlformats.org/officeDocument/2006/relationships/tags" Target="../tags/tag31.xml"/><Relationship Id="rId6" Type="http://schemas.openxmlformats.org/officeDocument/2006/relationships/slideMaster" Target="../slideMasters/slideMaster2.xml"/><Relationship Id="rId5" Type="http://schemas.openxmlformats.org/officeDocument/2006/relationships/tags" Target="../tags/tag35.xml"/><Relationship Id="rId4" Type="http://schemas.openxmlformats.org/officeDocument/2006/relationships/tags" Target="../tags/tag34.xml"/></Relationships>
</file>

<file path=ppt/slideLayouts/_rels/slideLayout8.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8.xml"/><Relationship Id="rId7" Type="http://schemas.openxmlformats.org/officeDocument/2006/relationships/tags" Target="../tags/tag42.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tags" Target="../tags/tag41.xml"/><Relationship Id="rId5" Type="http://schemas.openxmlformats.org/officeDocument/2006/relationships/tags" Target="../tags/tag40.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5.xml"/><Relationship Id="rId7" Type="http://schemas.openxmlformats.org/officeDocument/2006/relationships/slideMaster" Target="../slideMasters/slideMaster2.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tags" Target="../tags/tag48.xml"/><Relationship Id="rId5" Type="http://schemas.openxmlformats.org/officeDocument/2006/relationships/tags" Target="../tags/tag47.xml"/><Relationship Id="rId4" Type="http://schemas.openxmlformats.org/officeDocument/2006/relationships/tags" Target="../tags/tag4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2160000"/>
          </a:xfrm>
          <a:blipFill>
            <a:blip r:embed="rId7"/>
            <a:stretch>
              <a:fillRect/>
            </a:stretch>
          </a:blipFill>
        </p:spPr>
        <p:txBody>
          <a:bodyPr/>
          <a:lstStyle/>
          <a:p>
            <a:r>
              <a:rPr lang="de-CH" dirty="0"/>
              <a:t>Bild durch Klicken auf Symbol hinzufügen</a:t>
            </a:r>
          </a:p>
        </p:txBody>
      </p:sp>
      <p:pic>
        <p:nvPicPr>
          <p:cNvPr id="9" name="Grafik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4" name="Textfeld 3"/>
          <p:cNvSpPr txBox="1"/>
          <p:nvPr>
            <p:custDataLst>
              <p:tags r:id="rId2"/>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12" name="Textfeld 11"/>
          <p:cNvSpPr txBox="1"/>
          <p:nvPr>
            <p:custDataLst>
              <p:tags r:id="rId3"/>
            </p:custDataLst>
          </p:nvPr>
        </p:nvSpPr>
        <p:spPr>
          <a:xfrm>
            <a:off x="359999" y="2175286"/>
            <a:ext cx="8423999" cy="1261884"/>
          </a:xfrm>
          <a:prstGeom prst="rect">
            <a:avLst/>
          </a:prstGeom>
          <a:noFill/>
        </p:spPr>
        <p:txBody>
          <a:bodyPr wrap="square" lIns="0" tIns="0" rIns="0" bIns="0" rtlCol="0" anchor="b" anchorCtr="0">
            <a:spAutoFit/>
          </a:bodyPr>
          <a:lstStyle/>
          <a:p>
            <a:r>
              <a:rPr kumimoji="0" lang="de-CH" sz="4100" b="1" i="0" u="none" strike="noStrike" kern="1200" cap="none" spc="0" normalizeH="0" baseline="0" noProof="0">
                <a:ln>
                  <a:noFill/>
                </a:ln>
                <a:solidFill>
                  <a:srgbClr val="1D182C"/>
                </a:solidFill>
                <a:effectLst/>
                <a:uLnTx/>
                <a:uFillTx/>
                <a:latin typeface="+mn-lt"/>
                <a:ea typeface="+mj-ea"/>
                <a:cs typeface="+mj-cs"/>
              </a:rPr>
              <a:t>Kurs für Mitglieder des Schulrats und Schulsekretariate</a:t>
            </a:r>
            <a:endParaRPr lang="de-CH" dirty="0"/>
          </a:p>
        </p:txBody>
      </p:sp>
      <p:sp>
        <p:nvSpPr>
          <p:cNvPr id="13" name="Textfeld 12"/>
          <p:cNvSpPr txBox="1"/>
          <p:nvPr>
            <p:custDataLst>
              <p:tags r:id="rId4"/>
            </p:custDataLst>
          </p:nvPr>
        </p:nvSpPr>
        <p:spPr>
          <a:xfrm>
            <a:off x="359999" y="3617572"/>
            <a:ext cx="8423999" cy="415498"/>
          </a:xfrm>
          <a:prstGeom prst="rect">
            <a:avLst/>
          </a:prstGeom>
          <a:noFill/>
        </p:spPr>
        <p:txBody>
          <a:bodyPr wrap="square" lIns="0" tIns="0" rIns="0" bIns="0" rtlCol="0">
            <a:spAutoFit/>
          </a:bodyPr>
          <a:lstStyle/>
          <a:p>
            <a:pPr marL="0" marR="0" lvl="0" indent="0" algn="l" defTabSz="914400" rtl="0" eaLnBrk="1" fontAlgn="auto" latinLnBrk="0" hangingPunct="1">
              <a:lnSpc>
                <a:spcPct val="90000"/>
              </a:lnSpc>
              <a:spcBef>
                <a:spcPts val="1000"/>
              </a:spcBef>
              <a:spcAft>
                <a:spcPts val="500"/>
              </a:spcAft>
              <a:buClrTx/>
              <a:buSzPct val="70000"/>
              <a:buFont typeface="Arial" panose="020B0604020202020204" pitchFamily="34" charset="0"/>
              <a:buChar char="​"/>
              <a:tabLst/>
              <a:defRPr/>
            </a:pPr>
            <a:r>
              <a:rPr kumimoji="0" lang="de-CH" sz="3000" b="0" i="0" u="none" strike="noStrike" kern="1200" cap="none" spc="0" normalizeH="0" baseline="0" noProof="0">
                <a:ln>
                  <a:noFill/>
                </a:ln>
                <a:solidFill>
                  <a:srgbClr val="1D182C"/>
                </a:solidFill>
                <a:effectLst/>
                <a:uLnTx/>
                <a:uFillTx/>
                <a:latin typeface="+mn-lt"/>
                <a:ea typeface="+mn-ea"/>
                <a:cs typeface="+mn-cs"/>
              </a:rPr>
              <a:t>1. Kursabend: 10. April 2024</a:t>
            </a:r>
            <a:endParaRPr kumimoji="0" lang="de-CH" sz="3000" b="0" i="0" u="none" strike="noStrike" kern="1200" cap="none" spc="0" normalizeH="0" baseline="0" noProof="0" dirty="0">
              <a:ln>
                <a:noFill/>
              </a:ln>
              <a:solidFill>
                <a:srgbClr val="1D182C"/>
              </a:solidFill>
              <a:effectLst/>
              <a:uLnTx/>
              <a:uFillTx/>
              <a:latin typeface="+mn-lt"/>
              <a:ea typeface="+mn-ea"/>
              <a:cs typeface="+mn-cs"/>
            </a:endParaRPr>
          </a:p>
        </p:txBody>
      </p:sp>
      <p:sp>
        <p:nvSpPr>
          <p:cNvPr id="14" name="Textfeld 13"/>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10. April 2024</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1785949103"/>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zwei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260000"/>
            <a:ext cx="410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1 einfügen	Untertitel 2 einfügen</a:t>
            </a:r>
          </a:p>
        </p:txBody>
      </p:sp>
      <p:sp>
        <p:nvSpPr>
          <p:cNvPr id="8" name="Inhaltsplatzhalter 2"/>
          <p:cNvSpPr>
            <a:spLocks noGrp="1"/>
          </p:cNvSpPr>
          <p:nvPr>
            <p:ph idx="14" hasCustomPrompt="1"/>
            <p:custDataLst>
              <p:tags r:id="rId5"/>
            </p:custDataLst>
          </p:nvPr>
        </p:nvSpPr>
        <p:spPr>
          <a:xfrm>
            <a:off x="4679997" y="1260000"/>
            <a:ext cx="410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1" name="Textplatzhalter 14"/>
          <p:cNvSpPr>
            <a:spLocks noGrp="1"/>
          </p:cNvSpPr>
          <p:nvPr>
            <p:ph type="body" sz="quarter" idx="15" hasCustomPrompt="1"/>
            <p:custDataLst>
              <p:tags r:id="rId6"/>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668924924"/>
      </p:ext>
    </p:extLst>
  </p:cSld>
  <p:clrMapOvr>
    <a:masterClrMapping/>
  </p:clrMapOvr>
  <p:transition spd="med">
    <p:pull/>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Bilder mit Legend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311707"/>
            <a:ext cx="7200000" cy="437093"/>
          </a:xfrm>
        </p:spPr>
        <p:txBody>
          <a:bodyPr wrap="square">
            <a:spAutoFit/>
          </a:bodyPr>
          <a:lstStyle>
            <a:lvl1pPr>
              <a:defRPr/>
            </a:lvl1pPr>
          </a:lstStyle>
          <a:p>
            <a:r>
              <a:rPr lang="de-CH" dirty="0"/>
              <a:t>Titel einfügen</a:t>
            </a:r>
          </a:p>
        </p:txBody>
      </p:sp>
      <p:sp>
        <p:nvSpPr>
          <p:cNvPr id="4" name="Inhaltsplatzhalter 3"/>
          <p:cNvSpPr>
            <a:spLocks noGrp="1"/>
          </p:cNvSpPr>
          <p:nvPr>
            <p:ph sz="half" idx="2" hasCustomPrompt="1"/>
            <p:custDataLst>
              <p:tags r:id="rId2"/>
            </p:custDataLst>
          </p:nvPr>
        </p:nvSpPr>
        <p:spPr>
          <a:xfrm>
            <a:off x="360000" y="1770258"/>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7" name="Foliennummernplatzhalter 6"/>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4" name="Inhaltsplatzhalter 3"/>
          <p:cNvSpPr>
            <a:spLocks noGrp="1"/>
          </p:cNvSpPr>
          <p:nvPr>
            <p:ph sz="half" idx="14" hasCustomPrompt="1"/>
            <p:custDataLst>
              <p:tags r:id="rId4"/>
            </p:custDataLst>
          </p:nvPr>
        </p:nvSpPr>
        <p:spPr>
          <a:xfrm>
            <a:off x="2339436" y="1779104"/>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0" name="Inhaltsplatzhalter 3"/>
          <p:cNvSpPr>
            <a:spLocks noGrp="1"/>
          </p:cNvSpPr>
          <p:nvPr>
            <p:ph sz="half" idx="15" hasCustomPrompt="1"/>
            <p:custDataLst>
              <p:tags r:id="rId5"/>
            </p:custDataLst>
          </p:nvPr>
        </p:nvSpPr>
        <p:spPr>
          <a:xfrm>
            <a:off x="4804410" y="1779104"/>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1" name="Inhaltsplatzhalter 3"/>
          <p:cNvSpPr>
            <a:spLocks noGrp="1"/>
          </p:cNvSpPr>
          <p:nvPr>
            <p:ph sz="half" idx="16" hasCustomPrompt="1"/>
            <p:custDataLst>
              <p:tags r:id="rId6"/>
            </p:custDataLst>
          </p:nvPr>
        </p:nvSpPr>
        <p:spPr>
          <a:xfrm>
            <a:off x="6783846" y="1787950"/>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2" name="Inhaltsplatzhalter 3"/>
          <p:cNvSpPr>
            <a:spLocks noGrp="1"/>
          </p:cNvSpPr>
          <p:nvPr>
            <p:ph sz="half" idx="17" hasCustomPrompt="1"/>
            <p:custDataLst>
              <p:tags r:id="rId7"/>
            </p:custDataLst>
          </p:nvPr>
        </p:nvSpPr>
        <p:spPr>
          <a:xfrm>
            <a:off x="360000" y="3815667"/>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6" name="Inhaltsplatzhalter 3"/>
          <p:cNvSpPr>
            <a:spLocks noGrp="1"/>
          </p:cNvSpPr>
          <p:nvPr>
            <p:ph sz="half" idx="18" hasCustomPrompt="1"/>
            <p:custDataLst>
              <p:tags r:id="rId8"/>
            </p:custDataLst>
          </p:nvPr>
        </p:nvSpPr>
        <p:spPr>
          <a:xfrm>
            <a:off x="2339436" y="3824513"/>
            <a:ext cx="2070490"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7" name="Inhaltsplatzhalter 3"/>
          <p:cNvSpPr>
            <a:spLocks noGrp="1"/>
          </p:cNvSpPr>
          <p:nvPr>
            <p:ph sz="half" idx="19" hasCustomPrompt="1"/>
            <p:custDataLst>
              <p:tags r:id="rId9"/>
            </p:custDataLst>
          </p:nvPr>
        </p:nvSpPr>
        <p:spPr>
          <a:xfrm>
            <a:off x="4804410" y="3824513"/>
            <a:ext cx="1800000" cy="1800000"/>
          </a:xfrm>
          <a:solidFill>
            <a:schemeClr val="tx2">
              <a:lumMod val="40000"/>
              <a:lumOff val="60000"/>
            </a:schemeClr>
          </a:solidFill>
        </p:spPr>
        <p:txBody>
          <a:bodyPr/>
          <a:lstStyle>
            <a:lvl1pPr>
              <a:spcAft>
                <a:spcPts val="400"/>
              </a:spcAft>
              <a:defRPr sz="2200"/>
            </a:lvl1pPr>
            <a:lvl2pPr>
              <a:spcAft>
                <a:spcPts val="400"/>
              </a:spcAft>
              <a:defRPr sz="2200"/>
            </a:lvl2pPr>
            <a:lvl3pPr>
              <a:spcAft>
                <a:spcPts val="400"/>
              </a:spcAft>
              <a:defRPr sz="2200"/>
            </a:lvl3pPr>
          </a:lstStyle>
          <a:p>
            <a:pPr lvl="0"/>
            <a:r>
              <a:rPr lang="de-CH" dirty="0"/>
              <a:t>Textmasterformat bearbeiten</a:t>
            </a:r>
          </a:p>
        </p:txBody>
      </p:sp>
      <p:sp>
        <p:nvSpPr>
          <p:cNvPr id="18" name="Inhaltsplatzhalter 3"/>
          <p:cNvSpPr>
            <a:spLocks noGrp="1"/>
          </p:cNvSpPr>
          <p:nvPr>
            <p:ph sz="half" idx="20" hasCustomPrompt="1"/>
            <p:custDataLst>
              <p:tags r:id="rId10"/>
            </p:custDataLst>
          </p:nvPr>
        </p:nvSpPr>
        <p:spPr>
          <a:xfrm>
            <a:off x="6783846" y="3833359"/>
            <a:ext cx="2000154" cy="1791154"/>
          </a:xfrm>
        </p:spPr>
        <p:txBody>
          <a:bodyPr anchor="ctr" anchorCtr="0"/>
          <a:lstStyle>
            <a:lvl1pPr>
              <a:spcAft>
                <a:spcPts val="400"/>
              </a:spcAft>
              <a:defRPr sz="1600" b="1">
                <a:latin typeface="+mj-lt"/>
              </a:defRPr>
            </a:lvl1pPr>
            <a:lvl2pPr>
              <a:spcAft>
                <a:spcPts val="400"/>
              </a:spcAft>
              <a:defRPr sz="2200"/>
            </a:lvl2pPr>
            <a:lvl3pPr>
              <a:spcAft>
                <a:spcPts val="400"/>
              </a:spcAft>
              <a:defRPr sz="2200"/>
            </a:lvl3pPr>
          </a:lstStyle>
          <a:p>
            <a:pPr lvl="0"/>
            <a:r>
              <a:rPr lang="de-CH" dirty="0"/>
              <a:t>Erklärung</a:t>
            </a:r>
            <a:br>
              <a:rPr lang="de-CH" dirty="0"/>
            </a:br>
            <a:r>
              <a:rPr lang="de-CH" dirty="0"/>
              <a:t>dazu</a:t>
            </a:r>
          </a:p>
        </p:txBody>
      </p:sp>
      <p:sp>
        <p:nvSpPr>
          <p:cNvPr id="15" name="Textplatzhalter 8"/>
          <p:cNvSpPr>
            <a:spLocks noGrp="1"/>
          </p:cNvSpPr>
          <p:nvPr>
            <p:ph type="body" sz="quarter" idx="13" hasCustomPrompt="1"/>
            <p:custDataLst>
              <p:tags r:id="rId11"/>
            </p:custDataLst>
          </p:nvPr>
        </p:nvSpPr>
        <p:spPr>
          <a:xfrm>
            <a:off x="363934" y="1089025"/>
            <a:ext cx="8420063" cy="448247"/>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21" name="Textplatzhalter 14"/>
          <p:cNvSpPr>
            <a:spLocks noGrp="1"/>
          </p:cNvSpPr>
          <p:nvPr>
            <p:ph type="body" sz="quarter" idx="21" hasCustomPrompt="1"/>
            <p:custDataLst>
              <p:tags r:id="rId12"/>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224040975"/>
      </p:ext>
    </p:extLst>
  </p:cSld>
  <p:clrMapOvr>
    <a:masterClrMapping/>
  </p:clrMapOvr>
  <p:transition spd="med">
    <p:pull/>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Verzeichnis">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089025"/>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497887714"/>
      </p:ext>
    </p:extLst>
  </p:cSld>
  <p:clrMapOvr>
    <a:masterClrMapping/>
  </p:clrMapOvr>
  <p:transition spd="med">
    <p:pull/>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Titel 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5200050"/>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476672"/>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5281328"/>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509648478"/>
      </p:ext>
    </p:extLst>
  </p:cSld>
  <p:clrMapOvr>
    <a:masterClrMapping/>
  </p:clrMapOvr>
  <p:transition spd="med">
    <p:pull/>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grosses bild unten">
    <p:spTree>
      <p:nvGrpSpPr>
        <p:cNvPr id="1" name=""/>
        <p:cNvGrpSpPr/>
        <p:nvPr/>
      </p:nvGrpSpPr>
      <p:grpSpPr>
        <a:xfrm>
          <a:off x="0" y="0"/>
          <a:ext cx="0" cy="0"/>
          <a:chOff x="0" y="0"/>
          <a:chExt cx="0" cy="0"/>
        </a:xfrm>
      </p:grpSpPr>
      <p:sp>
        <p:nvSpPr>
          <p:cNvPr id="8" name="Bildplatzhalter 7"/>
          <p:cNvSpPr>
            <a:spLocks noGrp="1"/>
          </p:cNvSpPr>
          <p:nvPr>
            <p:ph type="pic" sz="quarter" idx="15"/>
            <p:custDataLst>
              <p:tags r:id="rId1"/>
            </p:custDataLst>
          </p:nvPr>
        </p:nvSpPr>
        <p:spPr>
          <a:xfrm>
            <a:off x="0" y="4878000"/>
            <a:ext cx="9144000" cy="1980000"/>
          </a:xfrm>
          <a:blipFill>
            <a:blip r:embed="rId7"/>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3"/>
            </p:custDataLst>
          </p:nvPr>
        </p:nvSpPr>
        <p:spPr>
          <a:xfrm>
            <a:off x="360000" y="1260000"/>
            <a:ext cx="8424000" cy="3142159"/>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1"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2422182248"/>
      </p:ext>
    </p:extLst>
  </p:cSld>
  <p:clrMapOvr>
    <a:masterClrMapping/>
  </p:clrMapOvr>
  <p:transition spd="med">
    <p:pull/>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grosses bild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4471987" cy="6858000"/>
          </a:xfrm>
          <a:blipFill>
            <a:blip r:embed="rId7"/>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10" name="Textplatzhalter 8"/>
          <p:cNvSpPr>
            <a:spLocks noGrp="1"/>
          </p:cNvSpPr>
          <p:nvPr>
            <p:ph type="body" sz="quarter" idx="13" hasCustomPrompt="1"/>
            <p:custDataLst>
              <p:tags r:id="rId3"/>
            </p:custDataLst>
          </p:nvPr>
        </p:nvSpPr>
        <p:spPr>
          <a:xfrm>
            <a:off x="4679997" y="878400"/>
            <a:ext cx="4104000" cy="983872"/>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8" name="Inhaltsplatzhalter 2"/>
          <p:cNvSpPr>
            <a:spLocks noGrp="1"/>
          </p:cNvSpPr>
          <p:nvPr>
            <p:ph idx="14" hasCustomPrompt="1"/>
            <p:custDataLst>
              <p:tags r:id="rId4"/>
            </p:custDataLst>
          </p:nvPr>
        </p:nvSpPr>
        <p:spPr>
          <a:xfrm>
            <a:off x="4679997" y="1260000"/>
            <a:ext cx="4104000" cy="41760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12" name="Textplatzhalter 14"/>
          <p:cNvSpPr>
            <a:spLocks noGrp="1"/>
          </p:cNvSpPr>
          <p:nvPr>
            <p:ph type="body" sz="quarter" idx="17"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683344204"/>
      </p:ext>
    </p:extLst>
  </p:cSld>
  <p:clrMapOvr>
    <a:masterClrMapping/>
  </p:clrMapOvr>
  <p:transition spd="med">
    <p:pull/>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Bild ganzflächig">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5"/>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594325829"/>
      </p:ext>
    </p:extLst>
  </p:cSld>
  <p:clrMapOvr>
    <a:masterClrMapping/>
  </p:clrMapOvr>
  <p:transition spd="med">
    <p:pull/>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nur Bild">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3"/>
            <a:stretch>
              <a:fillRect/>
            </a:stretch>
          </a:blipFill>
        </p:spPr>
        <p:txBody>
          <a:bodyPr/>
          <a:lstStyle/>
          <a:p>
            <a:r>
              <a:rPr lang="de-CH" dirty="0"/>
              <a:t>Bild durch Klicken auf Symbol hinzufügen</a:t>
            </a:r>
          </a:p>
        </p:txBody>
      </p:sp>
    </p:spTree>
    <p:extLst>
      <p:ext uri="{BB962C8B-B14F-4D97-AF65-F5344CB8AC3E}">
        <p14:creationId xmlns:p14="http://schemas.microsoft.com/office/powerpoint/2010/main" val="1156147299"/>
      </p:ext>
    </p:extLst>
  </p:cSld>
  <p:clrMapOvr>
    <a:masterClrMapping/>
  </p:clrMapOvr>
  <p:transition spd="med">
    <p:pull/>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bild mit box recht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6" name="Inhaltsplatzhalter 2"/>
          <p:cNvSpPr>
            <a:spLocks noGrp="1"/>
          </p:cNvSpPr>
          <p:nvPr>
            <p:ph idx="17" hasCustomPrompt="1"/>
            <p:custDataLst>
              <p:tags r:id="rId4"/>
            </p:custDataLst>
          </p:nvPr>
        </p:nvSpPr>
        <p:spPr>
          <a:xfrm>
            <a:off x="482400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1388906109"/>
      </p:ext>
    </p:extLst>
  </p:cSld>
  <p:clrMapOvr>
    <a:masterClrMapping/>
  </p:clrMapOvr>
  <p:transition spd="med">
    <p:pull/>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bild mit box links">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5" name="Inhaltsplatzhalter 2"/>
          <p:cNvSpPr>
            <a:spLocks noGrp="1"/>
          </p:cNvSpPr>
          <p:nvPr>
            <p:ph idx="17" hasCustomPrompt="1"/>
            <p:custDataLst>
              <p:tags r:id="rId4"/>
            </p:custDataLst>
          </p:nvPr>
        </p:nvSpPr>
        <p:spPr>
          <a:xfrm>
            <a:off x="0" y="1404399"/>
            <a:ext cx="4320000" cy="1275698"/>
          </a:xfrm>
          <a:solidFill>
            <a:schemeClr val="tx2">
              <a:lumMod val="40000"/>
              <a:lumOff val="60000"/>
            </a:schemeClr>
          </a:solidFill>
        </p:spPr>
        <p:txBody>
          <a:bodyPr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2837512340"/>
      </p:ext>
    </p:extLst>
  </p:cSld>
  <p:clrMapOvr>
    <a:masterClrMapping/>
  </p:clrMapOvr>
  <p:transition spd="med">
    <p:pull/>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neues kapitel">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767478"/>
            <a:ext cx="7200000" cy="789411"/>
          </a:xfrm>
          <a:solidFill>
            <a:schemeClr val="bg1"/>
          </a:solidFill>
        </p:spPr>
        <p:txBody>
          <a:bodyPr wrap="square" lIns="360000" tIns="144000" rIns="72000" bIns="144000" anchor="t" anchorCtr="0">
            <a:spAutoFit/>
          </a:bodyPr>
          <a:lstStyle>
            <a:lvl1pPr algn="l">
              <a:lnSpc>
                <a:spcPct val="90000"/>
              </a:lnSpc>
              <a:defRPr sz="3600" b="1" baseline="0"/>
            </a:lvl1pPr>
          </a:lstStyle>
          <a:p>
            <a:r>
              <a:rPr lang="de-CH" dirty="0"/>
              <a:t>Kapiteltitel</a:t>
            </a:r>
          </a:p>
        </p:txBody>
      </p:sp>
    </p:spTree>
    <p:extLst>
      <p:ext uri="{BB962C8B-B14F-4D97-AF65-F5344CB8AC3E}">
        <p14:creationId xmlns:p14="http://schemas.microsoft.com/office/powerpoint/2010/main" val="308835996"/>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bild mit box unten">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5" name="Inhaltsplatzhalter 2"/>
          <p:cNvSpPr>
            <a:spLocks noGrp="1"/>
          </p:cNvSpPr>
          <p:nvPr>
            <p:ph idx="17" hasCustomPrompt="1"/>
            <p:custDataLst>
              <p:tags r:id="rId4"/>
            </p:custDataLst>
          </p:nvPr>
        </p:nvSpPr>
        <p:spPr>
          <a:xfrm>
            <a:off x="1849120" y="5582302"/>
            <a:ext cx="5350880" cy="1275698"/>
          </a:xfrm>
          <a:solidFill>
            <a:schemeClr val="tx2">
              <a:lumMod val="40000"/>
              <a:lumOff val="60000"/>
            </a:schemeClr>
          </a:solidFill>
        </p:spPr>
        <p:txBody>
          <a:bodyPr wrap="square" lIns="144000" tIns="144000" rIns="144000" bIns="144000" anchor="b" anchorCtr="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1305058805"/>
      </p:ext>
    </p:extLst>
  </p:cSld>
  <p:clrMapOvr>
    <a:masterClrMapping/>
  </p:clrMapOvr>
  <p:transition spd="med">
    <p:pull/>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bild mit box mitte">
    <p:spTree>
      <p:nvGrpSpPr>
        <p:cNvPr id="1" name=""/>
        <p:cNvGrpSpPr/>
        <p:nvPr/>
      </p:nvGrpSpPr>
      <p:grpSpPr>
        <a:xfrm>
          <a:off x="0" y="0"/>
          <a:ext cx="0" cy="0"/>
          <a:chOff x="0" y="0"/>
          <a:chExt cx="0" cy="0"/>
        </a:xfrm>
      </p:grpSpPr>
      <p:sp>
        <p:nvSpPr>
          <p:cNvPr id="11" name="Bildplatzhalter 10"/>
          <p:cNvSpPr>
            <a:spLocks noGrp="1"/>
          </p:cNvSpPr>
          <p:nvPr>
            <p:ph type="pic" sz="quarter" idx="16"/>
            <p:custDataLst>
              <p:tags r:id="rId1"/>
            </p:custDataLst>
          </p:nvPr>
        </p:nvSpPr>
        <p:spPr>
          <a:xfrm>
            <a:off x="0" y="0"/>
            <a:ext cx="9144000" cy="6858000"/>
          </a:xfrm>
          <a:blipFill>
            <a:blip r:embed="rId6"/>
            <a:stretch>
              <a:fillRect/>
            </a:stretch>
          </a:blipFill>
        </p:spPr>
        <p:txBody>
          <a:bodyPr/>
          <a:lstStyle/>
          <a:p>
            <a:r>
              <a:rPr lang="de-CH" dirty="0"/>
              <a:t>Bild durch Klicken auf Symbol hinzufügen</a:t>
            </a:r>
          </a:p>
        </p:txBody>
      </p:sp>
      <p:sp>
        <p:nvSpPr>
          <p:cNvPr id="2" name="Titel 1"/>
          <p:cNvSpPr>
            <a:spLocks noGrp="1"/>
          </p:cNvSpPr>
          <p:nvPr>
            <p:ph type="title" hasCustomPrompt="1"/>
            <p:custDataLst>
              <p:tags r:id="rId2"/>
            </p:custDataLst>
          </p:nvPr>
        </p:nvSpPr>
        <p:spPr/>
        <p:txBody>
          <a:bodyPr/>
          <a:lstStyle>
            <a:lvl1pPr>
              <a:defRPr/>
            </a:lvl1pPr>
          </a:lstStyle>
          <a:p>
            <a:r>
              <a:rPr lang="de-CH" dirty="0"/>
              <a:t>Titel einfügen</a:t>
            </a:r>
          </a:p>
        </p:txBody>
      </p:sp>
      <p:sp>
        <p:nvSpPr>
          <p:cNvPr id="7" name="Textplatzhalter 14"/>
          <p:cNvSpPr>
            <a:spLocks noGrp="1"/>
          </p:cNvSpPr>
          <p:nvPr>
            <p:ph type="body" sz="quarter" idx="14" hasCustomPrompt="1"/>
            <p:custDataLst>
              <p:tags r:id="rId3"/>
            </p:custDataLst>
          </p:nvPr>
        </p:nvSpPr>
        <p:spPr>
          <a:xfrm>
            <a:off x="7315200" y="81279"/>
            <a:ext cx="1468797" cy="667951"/>
          </a:xfrm>
        </p:spPr>
        <p:txBody>
          <a:bodyPr/>
          <a:lstStyle>
            <a:lvl1pPr algn="r">
              <a:spcAft>
                <a:spcPts val="0"/>
              </a:spcAft>
              <a:defRPr sz="1200" b="1">
                <a:solidFill>
                  <a:srgbClr val="FFFFFF"/>
                </a:solidFill>
              </a:defRPr>
            </a:lvl1pPr>
          </a:lstStyle>
          <a:p>
            <a:pPr lvl="0"/>
            <a:r>
              <a:rPr lang="de-CH" dirty="0"/>
              <a:t>Kapitel</a:t>
            </a:r>
          </a:p>
          <a:p>
            <a:pPr lvl="0"/>
            <a:r>
              <a:rPr lang="de-CH" dirty="0"/>
              <a:t>Kapitel</a:t>
            </a:r>
          </a:p>
        </p:txBody>
      </p:sp>
      <p:sp>
        <p:nvSpPr>
          <p:cNvPr id="8" name="Inhaltsplatzhalter 2"/>
          <p:cNvSpPr>
            <a:spLocks noGrp="1"/>
          </p:cNvSpPr>
          <p:nvPr>
            <p:ph idx="17" hasCustomPrompt="1"/>
            <p:custDataLst>
              <p:tags r:id="rId4"/>
            </p:custDataLst>
          </p:nvPr>
        </p:nvSpPr>
        <p:spPr>
          <a:xfrm>
            <a:off x="1849120" y="1404000"/>
            <a:ext cx="5350880" cy="1275698"/>
          </a:xfrm>
          <a:solidFill>
            <a:schemeClr val="tx2">
              <a:lumMod val="40000"/>
              <a:lumOff val="60000"/>
            </a:schemeClr>
          </a:solidFill>
        </p:spPr>
        <p:txBody>
          <a:bodyPr wrap="square" lIns="144000" tIns="144000" rIns="144000" bIns="144000">
            <a:spAutoFit/>
          </a:bodyPr>
          <a:lstStyle>
            <a:lvl1pPr>
              <a:defRPr b="1"/>
            </a:lvl1pPr>
            <a:lvl2pPr marL="288000" indent="-288000">
              <a:buFontTx/>
              <a:buBlip>
                <a:blip r:embed="rId7"/>
              </a:buBlip>
              <a:defRPr/>
            </a:lvl2pPr>
            <a:lvl3pPr marL="576000" indent="-288000">
              <a:buFontTx/>
              <a:buBlip>
                <a:blip r:embed="rId7"/>
              </a:buBlip>
              <a:defRPr/>
            </a:lvl3pPr>
          </a:lstStyle>
          <a:p>
            <a:pPr lvl="0"/>
            <a:r>
              <a:rPr lang="de-CH" dirty="0"/>
              <a:t>Textmasterformat bearbeiten</a:t>
            </a:r>
          </a:p>
          <a:p>
            <a:pPr lvl="1"/>
            <a:r>
              <a:rPr lang="de-CH" dirty="0"/>
              <a:t>Zweite Ebene</a:t>
            </a:r>
          </a:p>
          <a:p>
            <a:pPr lvl="2"/>
            <a:r>
              <a:rPr lang="de-CH" dirty="0"/>
              <a:t>Dritte Ebene</a:t>
            </a:r>
          </a:p>
        </p:txBody>
      </p:sp>
    </p:spTree>
    <p:extLst>
      <p:ext uri="{BB962C8B-B14F-4D97-AF65-F5344CB8AC3E}">
        <p14:creationId xmlns:p14="http://schemas.microsoft.com/office/powerpoint/2010/main" val="476468464"/>
      </p:ext>
    </p:extLst>
  </p:cSld>
  <p:clrMapOvr>
    <a:masterClrMapping/>
  </p:clrMapOvr>
  <p:transition spd="med">
    <p:pull/>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ell">
    <p:bg>
      <p:bgRef idx="1001">
        <a:schemeClr val="bg1"/>
      </p:bgRef>
    </p:bg>
    <p:spTree>
      <p:nvGrpSpPr>
        <p:cNvPr id="1" name=""/>
        <p:cNvGrpSpPr/>
        <p:nvPr/>
      </p:nvGrpSpPr>
      <p:grpSpPr>
        <a:xfrm>
          <a:off x="0" y="0"/>
          <a:ext cx="0" cy="0"/>
          <a:chOff x="0" y="0"/>
          <a:chExt cx="0" cy="0"/>
        </a:xfrm>
      </p:grpSpPr>
      <p:pic>
        <p:nvPicPr>
          <p:cNvPr id="6" name="Grafik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395787" y="1219200"/>
            <a:ext cx="3088924" cy="3736189"/>
          </a:xfrm>
          <a:prstGeom prst="rect">
            <a:avLst/>
          </a:prstGeom>
          <a:effectLst>
            <a:outerShdw blurRad="317500" dist="50800" dir="5400000" sx="99000" sy="99000" algn="ctr" rotWithShape="0">
              <a:srgbClr val="000000"/>
            </a:outerShdw>
          </a:effectLst>
        </p:spPr>
      </p:pic>
      <p:sp>
        <p:nvSpPr>
          <p:cNvPr id="7" name="Textplatzhalter 4"/>
          <p:cNvSpPr>
            <a:spLocks noGrp="1"/>
          </p:cNvSpPr>
          <p:nvPr>
            <p:ph type="body" sz="quarter" idx="11" hasCustomPrompt="1"/>
            <p:custDataLst>
              <p:tags r:id="rId1"/>
            </p:custDataLst>
          </p:nvPr>
        </p:nvSpPr>
        <p:spPr>
          <a:xfrm>
            <a:off x="3931920" y="0"/>
            <a:ext cx="5212080" cy="1708665"/>
          </a:xfrm>
          <a:solidFill>
            <a:schemeClr val="bg2">
              <a:lumMod val="90000"/>
            </a:schemeClr>
          </a:solidFill>
        </p:spPr>
        <p:txBody>
          <a:bodyPr wrap="square" lIns="180000" tIns="936000" rIns="360000" bIns="144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a:t>Textmasterformat bearbeiten</a:t>
            </a:r>
          </a:p>
          <a:p>
            <a:pPr lvl="1"/>
            <a:r>
              <a:rPr lang="de-CH" dirty="0"/>
              <a:t>Zweite Ebene</a:t>
            </a:r>
          </a:p>
        </p:txBody>
      </p:sp>
      <p:sp>
        <p:nvSpPr>
          <p:cNvPr id="3" name="Titel 2"/>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9" name="Grafik 8"/>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Tree>
    <p:extLst>
      <p:ext uri="{BB962C8B-B14F-4D97-AF65-F5344CB8AC3E}">
        <p14:creationId xmlns:p14="http://schemas.microsoft.com/office/powerpoint/2010/main" val="4068394518"/>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uri">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a:blipFill>
            <a:blip r:embed="rId5"/>
            <a:stretch>
              <a:fillRect/>
            </a:stretch>
          </a:blipFill>
        </p:spPr>
      </p:pic>
      <p:sp>
        <p:nvSpPr>
          <p:cNvPr id="5" name="Textplatzhalter 4"/>
          <p:cNvSpPr>
            <a:spLocks noGrp="1"/>
          </p:cNvSpPr>
          <p:nvPr>
            <p:ph type="body" sz="quarter" idx="10" hasCustomPrompt="1"/>
            <p:custDataLst>
              <p:tags r:id="rId1"/>
            </p:custDataLst>
          </p:nvPr>
        </p:nvSpPr>
        <p:spPr>
          <a:xfrm>
            <a:off x="4572000" y="0"/>
            <a:ext cx="4572000" cy="1745016"/>
          </a:xfrm>
          <a:solidFill>
            <a:schemeClr val="tx2">
              <a:lumMod val="60000"/>
              <a:lumOff val="4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6"/>
              </a:buBlip>
              <a:defRPr>
                <a:solidFill>
                  <a:schemeClr val="tx1"/>
                </a:solidFill>
              </a:defRPr>
            </a:lvl2pPr>
          </a:lstStyle>
          <a:p>
            <a:pPr lvl="0"/>
            <a:r>
              <a:rPr lang="de-CH" dirty="0"/>
              <a:t>Textmasterformat bearbeiten</a:t>
            </a:r>
          </a:p>
          <a:p>
            <a:pPr lvl="1"/>
            <a:r>
              <a:rPr lang="de-CH" dirty="0"/>
              <a:t>Zweite Ebene</a:t>
            </a:r>
          </a:p>
        </p:txBody>
      </p:sp>
      <p:sp>
        <p:nvSpPr>
          <p:cNvPr id="4" name="Titel 3"/>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6" name="Grafik 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00382427"/>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stimmungsbild">
    <p:bg>
      <p:bgPr>
        <a:solidFill>
          <a:srgbClr val="FFFFFF"/>
        </a:solidFill>
        <a:effectLst/>
      </p:bgPr>
    </p:bg>
    <p:spTree>
      <p:nvGrpSpPr>
        <p:cNvPr id="1" name=""/>
        <p:cNvGrpSpPr/>
        <p:nvPr/>
      </p:nvGrpSpPr>
      <p:grpSpPr>
        <a:xfrm>
          <a:off x="0" y="0"/>
          <a:ext cx="0" cy="0"/>
          <a:chOff x="0" y="0"/>
          <a:chExt cx="0" cy="0"/>
        </a:xfrm>
      </p:grpSpPr>
      <p:pic>
        <p:nvPicPr>
          <p:cNvPr id="3" name="Grafik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7" name="Textplatzhalter 4"/>
          <p:cNvSpPr>
            <a:spLocks noGrp="1"/>
          </p:cNvSpPr>
          <p:nvPr>
            <p:ph type="body" sz="quarter" idx="10" hasCustomPrompt="1"/>
            <p:custDataLst>
              <p:tags r:id="rId1"/>
            </p:custDataLst>
          </p:nvPr>
        </p:nvSpPr>
        <p:spPr>
          <a:xfrm>
            <a:off x="2397760" y="0"/>
            <a:ext cx="6746240" cy="1745016"/>
          </a:xfrm>
          <a:solidFill>
            <a:schemeClr val="tx2">
              <a:lumMod val="40000"/>
              <a:lumOff val="60000"/>
            </a:schemeClr>
          </a:solidFill>
        </p:spPr>
        <p:txBody>
          <a:bodyPr wrap="square" lIns="180000" tIns="936000" rIns="360000" bIns="180000">
            <a:spAutoFit/>
          </a:bodyPr>
          <a:lstStyle>
            <a:lvl1pPr algn="l">
              <a:defRPr>
                <a:solidFill>
                  <a:schemeClr val="tx1"/>
                </a:solidFill>
              </a:defRPr>
            </a:lvl1pPr>
            <a:lvl2pPr marL="288000" indent="-288000" algn="l">
              <a:buFontTx/>
              <a:buBlip>
                <a:blip r:embed="rId5"/>
              </a:buBlip>
              <a:defRPr>
                <a:solidFill>
                  <a:schemeClr val="tx1"/>
                </a:solidFill>
              </a:defRPr>
            </a:lvl2pPr>
          </a:lstStyle>
          <a:p>
            <a:pPr lvl="0"/>
            <a:r>
              <a:rPr lang="de-CH" dirty="0"/>
              <a:t>Textmasterformat bearbeiten</a:t>
            </a:r>
          </a:p>
          <a:p>
            <a:pPr lvl="1"/>
            <a:r>
              <a:rPr lang="de-CH" dirty="0"/>
              <a:t>Zweite Ebene</a:t>
            </a:r>
          </a:p>
        </p:txBody>
      </p:sp>
      <p:sp>
        <p:nvSpPr>
          <p:cNvPr id="4" name="Titel 3"/>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6" name="Grafik 5"/>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657745099"/>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1_uri">
    <p:bg>
      <p:bgRef idx="1001">
        <a:schemeClr val="bg1"/>
      </p:bgRef>
    </p:bg>
    <p:spTree>
      <p:nvGrpSpPr>
        <p:cNvPr id="1" name=""/>
        <p:cNvGrpSpPr/>
        <p:nvPr/>
      </p:nvGrpSpPr>
      <p:grpSpPr>
        <a:xfrm>
          <a:off x="0" y="0"/>
          <a:ext cx="0" cy="0"/>
          <a:chOff x="0" y="0"/>
          <a:chExt cx="0" cy="0"/>
        </a:xfrm>
      </p:grpSpPr>
      <p:sp>
        <p:nvSpPr>
          <p:cNvPr id="6" name="Bildplatzhalter 10"/>
          <p:cNvSpPr>
            <a:spLocks noGrp="1"/>
          </p:cNvSpPr>
          <p:nvPr>
            <p:ph type="pic" sz="quarter" idx="16"/>
            <p:custDataLst>
              <p:tags r:id="rId1"/>
            </p:custDataLst>
          </p:nvPr>
        </p:nvSpPr>
        <p:spPr>
          <a:xfrm>
            <a:off x="0" y="0"/>
            <a:ext cx="9144000" cy="6858000"/>
          </a:xfrm>
          <a:blipFill>
            <a:blip r:embed="rId4"/>
            <a:stretch>
              <a:fillRect/>
            </a:stretch>
          </a:blipFill>
        </p:spPr>
        <p:txBody>
          <a:bodyPr/>
          <a:lstStyle/>
          <a:p>
            <a:r>
              <a:rPr lang="de-CH" dirty="0"/>
              <a:t>Bild durch Klicken auf Symbol hinzufügen</a:t>
            </a:r>
          </a:p>
        </p:txBody>
      </p:sp>
      <p:sp>
        <p:nvSpPr>
          <p:cNvPr id="3" name="Titel 2"/>
          <p:cNvSpPr>
            <a:spLocks noGrp="1"/>
          </p:cNvSpPr>
          <p:nvPr>
            <p:ph type="title" hasCustomPrompt="1"/>
            <p:custDataLst>
              <p:tags r:id="rId2"/>
            </p:custDataLst>
          </p:nvPr>
        </p:nvSpPr>
        <p:spPr/>
        <p:txBody>
          <a:bodyPr/>
          <a:lstStyle>
            <a:lvl1pPr>
              <a:defRPr/>
            </a:lvl1pPr>
          </a:lstStyle>
          <a:p>
            <a:r>
              <a:rPr lang="de-CH" dirty="0"/>
              <a:t>Titelmasterformat durch Klicken bearbeiten</a:t>
            </a:r>
          </a:p>
        </p:txBody>
      </p:sp>
      <p:pic>
        <p:nvPicPr>
          <p:cNvPr id="5" name="Grafik 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2803484262"/>
      </p:ext>
    </p:extLst>
  </p:cSld>
  <p:clrMapOvr>
    <a:overrideClrMapping bg1="lt1" tx1="dk1" bg2="lt2" tx2="dk2" accent1="accent1" accent2="accent2" accent3="accent3" accent4="accent4" accent5="accent5" accent6="accent6" hlink="hlink" folHlink="folHlink"/>
  </p:clrMapOvr>
  <p:transition spd="med">
    <p:pull/>
  </p:transition>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wechsel">
    <p:bg>
      <p:bgRef idx="1001">
        <a:schemeClr val="bg1"/>
      </p:bgRef>
    </p:bg>
    <p:spTree>
      <p:nvGrpSpPr>
        <p:cNvPr id="1" name=""/>
        <p:cNvGrpSpPr/>
        <p:nvPr/>
      </p:nvGrpSpPr>
      <p:grpSpPr>
        <a:xfrm>
          <a:off x="0" y="0"/>
          <a:ext cx="0" cy="0"/>
          <a:chOff x="0" y="0"/>
          <a:chExt cx="0" cy="0"/>
        </a:xfrm>
      </p:grpSpPr>
      <p:sp>
        <p:nvSpPr>
          <p:cNvPr id="2" name="Title 1"/>
          <p:cNvSpPr>
            <a:spLocks noGrp="1"/>
          </p:cNvSpPr>
          <p:nvPr>
            <p:ph type="ctrTitle" hasCustomPrompt="1"/>
            <p:custDataLst>
              <p:tags r:id="rId1"/>
            </p:custDataLst>
          </p:nvPr>
        </p:nvSpPr>
        <p:spPr>
          <a:xfrm>
            <a:off x="359999" y="1371601"/>
            <a:ext cx="8424000" cy="1971490"/>
          </a:xfrm>
        </p:spPr>
        <p:txBody>
          <a:bodyPr lIns="0" tIns="0" rIns="0" bIns="0" anchor="b" anchorCtr="0">
            <a:noAutofit/>
          </a:bodyPr>
          <a:lstStyle>
            <a:lvl1pPr algn="l">
              <a:lnSpc>
                <a:spcPct val="90000"/>
              </a:lnSpc>
              <a:defRPr sz="3600" baseline="0"/>
            </a:lvl1pPr>
          </a:lstStyle>
          <a:p>
            <a:r>
              <a:rPr lang="de-CH" dirty="0"/>
              <a:t>Referatswechsel: Titel</a:t>
            </a:r>
          </a:p>
        </p:txBody>
      </p:sp>
      <p:sp>
        <p:nvSpPr>
          <p:cNvPr id="19" name="Textplatzhalter 18"/>
          <p:cNvSpPr>
            <a:spLocks noGrp="1"/>
          </p:cNvSpPr>
          <p:nvPr>
            <p:ph type="body" sz="quarter" idx="12" hasCustomPrompt="1"/>
            <p:custDataLst>
              <p:tags r:id="rId2"/>
            </p:custDataLst>
          </p:nvPr>
        </p:nvSpPr>
        <p:spPr>
          <a:xfrm>
            <a:off x="359999" y="3332700"/>
            <a:ext cx="8423999" cy="997641"/>
          </a:xfrm>
        </p:spPr>
        <p:txBody>
          <a:bodyPr/>
          <a:lstStyle>
            <a:lvl1pPr>
              <a:lnSpc>
                <a:spcPct val="100000"/>
              </a:lnSpc>
              <a:defRPr sz="3000"/>
            </a:lvl1pPr>
          </a:lstStyle>
          <a:p>
            <a:pPr lvl="0"/>
            <a:r>
              <a:rPr lang="de-CH" dirty="0"/>
              <a:t>Untertitel</a:t>
            </a:r>
          </a:p>
        </p:txBody>
      </p:sp>
      <p:pic>
        <p:nvPicPr>
          <p:cNvPr id="8" name="Grafik 7"/>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200001" y="5851191"/>
            <a:ext cx="1584494" cy="669216"/>
          </a:xfrm>
          <a:prstGeom prst="rect">
            <a:avLst/>
          </a:prstGeom>
        </p:spPr>
      </p:pic>
      <p:sp>
        <p:nvSpPr>
          <p:cNvPr id="10" name="Textfeld 9"/>
          <p:cNvSpPr txBox="1"/>
          <p:nvPr>
            <p:custDataLst>
              <p:tags r:id="rId3"/>
            </p:custDataLst>
          </p:nvPr>
        </p:nvSpPr>
        <p:spPr>
          <a:xfrm>
            <a:off x="352625" y="4653280"/>
            <a:ext cx="6721839" cy="313350"/>
          </a:xfrm>
          <a:prstGeom prst="rect">
            <a:avLst/>
          </a:prstGeom>
          <a:noFill/>
        </p:spPr>
        <p:txBody>
          <a:bodyPr wrap="square" lIns="0" tIns="0" bIns="36000" rtlCol="0">
            <a:spAutoFit/>
          </a:bodyPr>
          <a:lstStyle/>
          <a:p>
            <a:endParaRPr lang="de-CH" dirty="0"/>
          </a:p>
        </p:txBody>
      </p:sp>
      <p:sp>
        <p:nvSpPr>
          <p:cNvPr id="9" name="Textfeld 8"/>
          <p:cNvSpPr txBox="1"/>
          <p:nvPr>
            <p:custDataLst>
              <p:tags r:id="rId4"/>
            </p:custDataLst>
          </p:nvPr>
        </p:nvSpPr>
        <p:spPr>
          <a:xfrm>
            <a:off x="2574525" y="-2"/>
            <a:ext cx="6569475" cy="634941"/>
          </a:xfrm>
          <a:prstGeom prst="rect">
            <a:avLst/>
          </a:prstGeom>
          <a:noFill/>
        </p:spPr>
        <p:txBody>
          <a:bodyPr wrap="square" lIns="0" tIns="324000" rIns="360000" bIns="0" rtlCol="0">
            <a:spAutoFit/>
          </a:bodyPr>
          <a:lstStyle/>
          <a:p>
            <a:pPr algn="r"/>
            <a:r>
              <a:rPr lang="de-CH" sz="2000">
                <a:solidFill>
                  <a:schemeClr val="tx1"/>
                </a:solidFill>
              </a:rPr>
              <a:t>Bildungs- und Kulturdirektion</a:t>
            </a:r>
            <a:endParaRPr lang="de-CH" sz="2000" dirty="0">
              <a:solidFill>
                <a:schemeClr val="tx1"/>
              </a:solidFill>
            </a:endParaRPr>
          </a:p>
        </p:txBody>
      </p:sp>
      <p:sp>
        <p:nvSpPr>
          <p:cNvPr id="11" name="Textfeld 10"/>
          <p:cNvSpPr txBox="1"/>
          <p:nvPr>
            <p:custDataLst>
              <p:tags r:id="rId5"/>
            </p:custDataLst>
          </p:nvPr>
        </p:nvSpPr>
        <p:spPr>
          <a:xfrm>
            <a:off x="355006" y="6043231"/>
            <a:ext cx="6652724" cy="507318"/>
          </a:xfrm>
          <a:prstGeom prst="rect">
            <a:avLst/>
          </a:prstGeom>
          <a:noFill/>
        </p:spPr>
        <p:txBody>
          <a:bodyPr wrap="square" lIns="0" tIns="0" rIns="0" bIns="0" rtlCol="0" anchor="b" anchorCtr="0">
            <a:spAutoFit/>
          </a:bodyPr>
          <a:lstStyle/>
          <a:p>
            <a:pPr marL="0" marR="0" lvl="0" indent="0" algn="l" defTabSz="914400" rtl="0" eaLnBrk="1" fontAlgn="auto" latinLnBrk="0" hangingPunct="1">
              <a:lnSpc>
                <a:spcPct val="90000"/>
              </a:lnSpc>
              <a:spcBef>
                <a:spcPts val="0"/>
              </a:spcBef>
              <a:spcAft>
                <a:spcPts val="500"/>
              </a:spcAft>
              <a:buClrTx/>
              <a:buSzPct val="70000"/>
              <a:buFont typeface="Arial" panose="020B0604020202020204" pitchFamily="34" charset="0"/>
              <a:buChar char="​"/>
              <a:tabLst/>
              <a:defRPr/>
            </a:pPr>
            <a:r>
              <a:rPr kumimoji="0" lang="en-US" sz="1600" b="0" i="0" u="none" strike="noStrike" kern="1200" cap="none" spc="0" normalizeH="0" baseline="0" noProof="0">
                <a:ln>
                  <a:noFill/>
                </a:ln>
                <a:solidFill>
                  <a:srgbClr val="1D182C"/>
                </a:solidFill>
                <a:effectLst/>
                <a:uLnTx/>
                <a:uFillTx/>
                <a:latin typeface="+mn-lt"/>
                <a:ea typeface="+mn-ea"/>
                <a:cs typeface="+mn-cs"/>
              </a:rPr>
              <a:t>
10. April 2024</a:t>
            </a:r>
            <a:endParaRPr kumimoji="0" lang="de-CH" sz="1600" b="0" i="0" u="none" strike="noStrike" kern="1200" cap="none" spc="0" normalizeH="0" baseline="0" noProof="0" dirty="0">
              <a:ln>
                <a:noFill/>
              </a:ln>
              <a:solidFill>
                <a:srgbClr val="1D182C"/>
              </a:solidFill>
              <a:effectLst/>
              <a:uLnTx/>
              <a:uFillTx/>
              <a:latin typeface="+mn-lt"/>
              <a:ea typeface="+mn-ea"/>
              <a:cs typeface="+mn-cs"/>
            </a:endParaRPr>
          </a:p>
        </p:txBody>
      </p:sp>
    </p:spTree>
    <p:extLst>
      <p:ext uri="{BB962C8B-B14F-4D97-AF65-F5344CB8AC3E}">
        <p14:creationId xmlns:p14="http://schemas.microsoft.com/office/powerpoint/2010/main" val="4084436932"/>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nur gelb">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13247737"/>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chlussfolie">
    <p:bg>
      <p:bgRef idx="1001">
        <a:schemeClr val="bg1"/>
      </p:bgRef>
    </p:bg>
    <p:spTree>
      <p:nvGrpSpPr>
        <p:cNvPr id="1" name=""/>
        <p:cNvGrpSpPr/>
        <p:nvPr/>
      </p:nvGrpSpPr>
      <p:grpSpPr>
        <a:xfrm>
          <a:off x="0" y="0"/>
          <a:ext cx="0" cy="0"/>
          <a:chOff x="0" y="0"/>
          <a:chExt cx="0" cy="0"/>
        </a:xfrm>
      </p:grpSpPr>
      <p:sp>
        <p:nvSpPr>
          <p:cNvPr id="11" name="Bildplatzhalter 10"/>
          <p:cNvSpPr>
            <a:spLocks noGrp="1"/>
          </p:cNvSpPr>
          <p:nvPr>
            <p:ph type="pic" sz="quarter" idx="11"/>
            <p:custDataLst>
              <p:tags r:id="rId1"/>
            </p:custDataLst>
          </p:nvPr>
        </p:nvSpPr>
        <p:spPr>
          <a:xfrm>
            <a:off x="0" y="-2"/>
            <a:ext cx="9144000" cy="6858002"/>
          </a:xfrm>
          <a:blipFill>
            <a:blip r:embed="rId4"/>
            <a:stretch>
              <a:fillRect/>
            </a:stretch>
          </a:blipFill>
        </p:spPr>
        <p:txBody>
          <a:bodyPr/>
          <a:lstStyle/>
          <a:p>
            <a:r>
              <a:rPr lang="de-CH" dirty="0"/>
              <a:t>Bild durch Klicken auf Symbol hinzufügen</a:t>
            </a:r>
          </a:p>
        </p:txBody>
      </p:sp>
      <p:sp>
        <p:nvSpPr>
          <p:cNvPr id="2" name="Title 1"/>
          <p:cNvSpPr>
            <a:spLocks noGrp="1"/>
          </p:cNvSpPr>
          <p:nvPr>
            <p:ph type="ctrTitle" hasCustomPrompt="1"/>
            <p:custDataLst>
              <p:tags r:id="rId2"/>
            </p:custDataLst>
          </p:nvPr>
        </p:nvSpPr>
        <p:spPr>
          <a:xfrm>
            <a:off x="0" y="-2"/>
            <a:ext cx="7200000" cy="1288009"/>
          </a:xfrm>
          <a:solidFill>
            <a:schemeClr val="tx1"/>
          </a:solidFill>
        </p:spPr>
        <p:txBody>
          <a:bodyPr lIns="360000" tIns="144000" rIns="144000" bIns="144000" anchor="t" anchorCtr="0">
            <a:spAutoFit/>
          </a:bodyPr>
          <a:lstStyle>
            <a:lvl1pPr algn="l">
              <a:lnSpc>
                <a:spcPct val="90000"/>
              </a:lnSpc>
              <a:defRPr sz="3600" b="1" baseline="0">
                <a:solidFill>
                  <a:schemeClr val="bg1"/>
                </a:solidFill>
              </a:defRPr>
            </a:lvl1pPr>
          </a:lstStyle>
          <a:p>
            <a:r>
              <a:rPr lang="de-CH" dirty="0"/>
              <a:t>Herzlichen Dank für Ihre Aufmerksamkeit!</a:t>
            </a:r>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200000" y="5851191"/>
            <a:ext cx="1584497" cy="669216"/>
          </a:xfrm>
          <a:prstGeom prst="rect">
            <a:avLst/>
          </a:prstGeom>
        </p:spPr>
      </p:pic>
    </p:spTree>
    <p:extLst>
      <p:ext uri="{BB962C8B-B14F-4D97-AF65-F5344CB8AC3E}">
        <p14:creationId xmlns:p14="http://schemas.microsoft.com/office/powerpoint/2010/main" val="3060391540"/>
      </p:ext>
    </p:extLst>
  </p:cSld>
  <p:clrMapOvr>
    <a:overrideClrMapping bg1="lt1" tx1="dk1" bg2="lt2" tx2="dk2" accent1="accent1" accent2="accent2" accent3="accent3" accent4="accent4" accent5="accent5" accent6="accent6" hlink="hlink" folHlink="folHlink"/>
  </p:clrMapOvr>
  <p:transition spd="med">
    <p:pull/>
  </p:transition>
  <p:hf hdr="0"/>
  <p:extLst>
    <p:ext uri="{DCECCB84-F9BA-43D5-87BE-67443E8EF086}">
      <p15:sldGuideLst xmlns:p15="http://schemas.microsoft.com/office/powerpoint/2012/main">
        <p15:guide id="1" orient="horz" pos="2160">
          <p15:clr>
            <a:srgbClr val="FBAE40"/>
          </p15:clr>
        </p15:guide>
        <p15:guide id="2" pos="288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089025"/>
            <a:ext cx="8424000" cy="42246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2469745829"/>
      </p:ext>
    </p:extLst>
  </p:cSld>
  <p:clrMapOvr>
    <a:masterClrMapping/>
  </p:clrMapOvr>
  <p:transition spd="med">
    <p:pull/>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_einspaltig">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1"/>
            <a:ext cx="7200000" cy="749230"/>
          </a:xfrm>
        </p:spPr>
        <p:txBody>
          <a:bodyPr>
            <a:noAutofit/>
          </a:bodyPr>
          <a:lstStyle>
            <a:lvl1pPr>
              <a:defRPr/>
            </a:lvl1pPr>
          </a:lstStyle>
          <a:p>
            <a:r>
              <a:rPr lang="de-CH" dirty="0"/>
              <a:t>Titelmasterformat durch Klicken bearbeiten</a:t>
            </a:r>
          </a:p>
        </p:txBody>
      </p:sp>
      <p:sp>
        <p:nvSpPr>
          <p:cNvPr id="3" name="Inhaltsplatzhalter 2"/>
          <p:cNvSpPr>
            <a:spLocks noGrp="1"/>
          </p:cNvSpPr>
          <p:nvPr>
            <p:ph idx="1" hasCustomPrompt="1"/>
            <p:custDataLst>
              <p:tags r:id="rId2"/>
            </p:custDataLst>
          </p:nvPr>
        </p:nvSpPr>
        <p:spPr>
          <a:xfrm>
            <a:off x="360000" y="1259999"/>
            <a:ext cx="8424000" cy="4364513"/>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968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5"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Tree>
    <p:extLst>
      <p:ext uri="{BB962C8B-B14F-4D97-AF65-F5344CB8AC3E}">
        <p14:creationId xmlns:p14="http://schemas.microsoft.com/office/powerpoint/2010/main" val="1056965198"/>
      </p:ext>
    </p:extLst>
  </p:cSld>
  <p:clrMapOvr>
    <a:masterClrMapping/>
  </p:clrMapOvr>
  <p:transition spd="med">
    <p:pull/>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vier Felder">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a:xfrm>
            <a:off x="0" y="0"/>
            <a:ext cx="7200000" cy="748800"/>
          </a:xfrm>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108721"/>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a:xfrm>
            <a:off x="652779" y="6484364"/>
            <a:ext cx="276226" cy="153889"/>
          </a:xfrm>
        </p:spPr>
        <p:txBody>
          <a:bodyPr/>
          <a:lstStyle/>
          <a:p>
            <a:fld id="{565A3E7D-0018-4715-8B3D-68E2BF3AD988}" type="slidenum">
              <a:rPr lang="de-CH" smtClean="0"/>
              <a:t>‹Nr.›</a:t>
            </a:fld>
            <a:endParaRPr lang="de-CH" dirty="0"/>
          </a:p>
        </p:txBody>
      </p:sp>
      <p:sp>
        <p:nvSpPr>
          <p:cNvPr id="15" name="Textplatzhalter 14"/>
          <p:cNvSpPr>
            <a:spLocks noGrp="1"/>
          </p:cNvSpPr>
          <p:nvPr>
            <p:ph type="body" sz="quarter" idx="14" hasCustomPrompt="1"/>
            <p:custDataLst>
              <p:tags r:id="rId4"/>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
        <p:nvSpPr>
          <p:cNvPr id="25" name="Inhaltsplatzhalter 2"/>
          <p:cNvSpPr>
            <a:spLocks noGrp="1"/>
          </p:cNvSpPr>
          <p:nvPr>
            <p:ph idx="15" hasCustomPrompt="1"/>
            <p:custDataLst>
              <p:tags r:id="rId5"/>
            </p:custDataLst>
          </p:nvPr>
        </p:nvSpPr>
        <p:spPr>
          <a:xfrm>
            <a:off x="4804407" y="1108721"/>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6" name="Inhaltsplatzhalter 2"/>
          <p:cNvSpPr>
            <a:spLocks noGrp="1"/>
          </p:cNvSpPr>
          <p:nvPr>
            <p:ph idx="16" hasCustomPrompt="1"/>
            <p:custDataLst>
              <p:tags r:id="rId6"/>
            </p:custDataLst>
          </p:nvPr>
        </p:nvSpPr>
        <p:spPr>
          <a:xfrm>
            <a:off x="360000" y="3546719"/>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27" name="Inhaltsplatzhalter 2"/>
          <p:cNvSpPr>
            <a:spLocks noGrp="1"/>
          </p:cNvSpPr>
          <p:nvPr>
            <p:ph idx="17" hasCustomPrompt="1"/>
            <p:custDataLst>
              <p:tags r:id="rId7"/>
            </p:custDataLst>
          </p:nvPr>
        </p:nvSpPr>
        <p:spPr>
          <a:xfrm>
            <a:off x="4804407" y="3546719"/>
            <a:ext cx="3979590" cy="2071359"/>
          </a:xfrm>
        </p:spPr>
        <p:txBody>
          <a:bodyPr/>
          <a:lstStyle>
            <a:lvl1pPr>
              <a:defRPr b="1"/>
            </a:lvl1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2444146148"/>
      </p:ext>
    </p:extLst>
  </p:cSld>
  <p:clrMapOvr>
    <a:masterClrMapping/>
  </p:clrMapOvr>
  <p:transition spd="med">
    <p:pull/>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oben/unten">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a:defRPr/>
            </a:lvl1pPr>
          </a:lstStyle>
          <a:p>
            <a:r>
              <a:rPr lang="de-CH" dirty="0"/>
              <a:t>Titel einfügen</a:t>
            </a:r>
          </a:p>
        </p:txBody>
      </p:sp>
      <p:sp>
        <p:nvSpPr>
          <p:cNvPr id="3" name="Inhaltsplatzhalter 2"/>
          <p:cNvSpPr>
            <a:spLocks noGrp="1"/>
          </p:cNvSpPr>
          <p:nvPr>
            <p:ph idx="1" hasCustomPrompt="1"/>
            <p:custDataLst>
              <p:tags r:id="rId2"/>
            </p:custDataLst>
          </p:nvPr>
        </p:nvSpPr>
        <p:spPr>
          <a:xfrm>
            <a:off x="360000" y="1260000"/>
            <a:ext cx="8424000" cy="20928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12"/>
            <p:custDataLst>
              <p:tags r:id="rId3"/>
            </p:custDataLst>
          </p:nvPr>
        </p:nvSpPr>
        <p:spPr/>
        <p:txBody>
          <a:bodyPr/>
          <a:lstStyle/>
          <a:p>
            <a:fld id="{565A3E7D-0018-4715-8B3D-68E2BF3AD988}" type="slidenum">
              <a:rPr lang="de-CH" smtClean="0"/>
              <a:t>‹Nr.›</a:t>
            </a:fld>
            <a:endParaRPr lang="de-CH" dirty="0"/>
          </a:p>
        </p:txBody>
      </p:sp>
      <p:sp>
        <p:nvSpPr>
          <p:cNvPr id="10" name="Textplatzhalter 8"/>
          <p:cNvSpPr>
            <a:spLocks noGrp="1"/>
          </p:cNvSpPr>
          <p:nvPr>
            <p:ph type="body" sz="quarter" idx="13" hasCustomPrompt="1"/>
            <p:custDataLst>
              <p:tags r:id="rId4"/>
            </p:custDataLst>
          </p:nvPr>
        </p:nvSpPr>
        <p:spPr>
          <a:xfrm>
            <a:off x="363934" y="878400"/>
            <a:ext cx="8420063" cy="393450"/>
          </a:xfrm>
        </p:spPr>
        <p:txBody>
          <a:bodyPr/>
          <a:lstStyle>
            <a:lvl1pPr>
              <a:tabLst>
                <a:tab pos="4320000" algn="l"/>
              </a:tabLst>
              <a:defRPr b="1"/>
            </a:lvl1pPr>
            <a:lvl2pPr>
              <a:defRPr b="1"/>
            </a:lvl2pPr>
            <a:lvl3pPr>
              <a:defRPr b="1"/>
            </a:lvl3pPr>
            <a:lvl4pPr>
              <a:defRPr b="1"/>
            </a:lvl4pPr>
            <a:lvl5pPr>
              <a:defRPr b="1"/>
            </a:lvl5pPr>
          </a:lstStyle>
          <a:p>
            <a:pPr lvl="0"/>
            <a:r>
              <a:rPr lang="de-CH" dirty="0"/>
              <a:t>Untertitel einfügen</a:t>
            </a:r>
          </a:p>
        </p:txBody>
      </p:sp>
      <p:sp>
        <p:nvSpPr>
          <p:cNvPr id="14" name="Textplatzhalter 14"/>
          <p:cNvSpPr>
            <a:spLocks noGrp="1"/>
          </p:cNvSpPr>
          <p:nvPr>
            <p:ph type="body" sz="quarter" idx="14" hasCustomPrompt="1"/>
            <p:custDataLst>
              <p:tags r:id="rId5"/>
            </p:custDataLst>
          </p:nvPr>
        </p:nvSpPr>
        <p:spPr>
          <a:xfrm>
            <a:off x="7315200" y="81279"/>
            <a:ext cx="1468797" cy="667951"/>
          </a:xfrm>
        </p:spPr>
        <p:txBody>
          <a:bodyPr/>
          <a:lstStyle>
            <a:lvl1pPr algn="r">
              <a:spcAft>
                <a:spcPts val="0"/>
              </a:spcAft>
              <a:defRPr sz="1200" b="1">
                <a:solidFill>
                  <a:schemeClr val="tx2">
                    <a:lumMod val="75000"/>
                  </a:schemeClr>
                </a:solidFill>
              </a:defRPr>
            </a:lvl1pPr>
          </a:lstStyle>
          <a:p>
            <a:pPr lvl="0"/>
            <a:r>
              <a:rPr lang="de-CH" dirty="0"/>
              <a:t>Kapitel</a:t>
            </a:r>
          </a:p>
          <a:p>
            <a:pPr lvl="0"/>
            <a:r>
              <a:rPr lang="de-CH" dirty="0"/>
              <a:t>Kapitel</a:t>
            </a:r>
          </a:p>
        </p:txBody>
      </p:sp>
      <p:sp>
        <p:nvSpPr>
          <p:cNvPr id="12" name="Inhaltsplatzhalter 2"/>
          <p:cNvSpPr>
            <a:spLocks noGrp="1"/>
          </p:cNvSpPr>
          <p:nvPr>
            <p:ph idx="15" hasCustomPrompt="1"/>
            <p:custDataLst>
              <p:tags r:id="rId6"/>
            </p:custDataLst>
          </p:nvPr>
        </p:nvSpPr>
        <p:spPr>
          <a:xfrm>
            <a:off x="360000" y="3570359"/>
            <a:ext cx="8424000" cy="2054154"/>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2137931988"/>
      </p:ext>
    </p:extLst>
  </p:cSld>
  <p:clrMapOvr>
    <a:masterClrMapping/>
  </p:clrMapOvr>
  <p:transition spd="med">
    <p:pull/>
  </p:transition>
</p:sldLayout>
</file>

<file path=ppt/slideMasters/_rels/slideMaster1.xml.rels><?xml version="1.0" encoding="UTF-8" standalone="yes"?>
<Relationships xmlns="http://schemas.openxmlformats.org/package/2006/relationships"><Relationship Id="rId8" Type="http://schemas.openxmlformats.org/officeDocument/2006/relationships/tags" Target="../tags/tag3.xml"/><Relationship Id="rId3" Type="http://schemas.openxmlformats.org/officeDocument/2006/relationships/slideLayout" Target="../slideLayouts/slideLayout3.xml"/><Relationship Id="rId7" Type="http://schemas.openxmlformats.org/officeDocument/2006/relationships/tags" Target="../tags/tag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image" Target="../media/image1.png"/><Relationship Id="rId4" Type="http://schemas.openxmlformats.org/officeDocument/2006/relationships/slideLayout" Target="../slideLayouts/slideLayout4.xml"/><Relationship Id="rId9" Type="http://schemas.openxmlformats.org/officeDocument/2006/relationships/tags" Target="../tags/tag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3.xml"/><Relationship Id="rId13" Type="http://schemas.openxmlformats.org/officeDocument/2006/relationships/tags" Target="../tags/tag22.xml"/><Relationship Id="rId18" Type="http://schemas.openxmlformats.org/officeDocument/2006/relationships/image" Target="../media/image6.png"/><Relationship Id="rId3" Type="http://schemas.openxmlformats.org/officeDocument/2006/relationships/slideLayout" Target="../slideLayouts/slideLayout8.xml"/><Relationship Id="rId7" Type="http://schemas.openxmlformats.org/officeDocument/2006/relationships/slideLayout" Target="../slideLayouts/slideLayout12.xml"/><Relationship Id="rId12" Type="http://schemas.openxmlformats.org/officeDocument/2006/relationships/tags" Target="../tags/tag21.xml"/><Relationship Id="rId17" Type="http://schemas.openxmlformats.org/officeDocument/2006/relationships/tags" Target="../tags/tag26.xml"/><Relationship Id="rId2" Type="http://schemas.openxmlformats.org/officeDocument/2006/relationships/slideLayout" Target="../slideLayouts/slideLayout7.xml"/><Relationship Id="rId16" Type="http://schemas.openxmlformats.org/officeDocument/2006/relationships/tags" Target="../tags/tag25.xml"/><Relationship Id="rId1" Type="http://schemas.openxmlformats.org/officeDocument/2006/relationships/slideLayout" Target="../slideLayouts/slideLayout6.xml"/><Relationship Id="rId6" Type="http://schemas.openxmlformats.org/officeDocument/2006/relationships/slideLayout" Target="../slideLayouts/slideLayout11.xml"/><Relationship Id="rId11" Type="http://schemas.openxmlformats.org/officeDocument/2006/relationships/tags" Target="../tags/tag20.xml"/><Relationship Id="rId5" Type="http://schemas.openxmlformats.org/officeDocument/2006/relationships/slideLayout" Target="../slideLayouts/slideLayout10.xml"/><Relationship Id="rId15" Type="http://schemas.openxmlformats.org/officeDocument/2006/relationships/tags" Target="../tags/tag24.xml"/><Relationship Id="rId10" Type="http://schemas.openxmlformats.org/officeDocument/2006/relationships/tags" Target="../tags/tag19.xml"/><Relationship Id="rId19" Type="http://schemas.openxmlformats.org/officeDocument/2006/relationships/image" Target="../media/image7.png"/><Relationship Id="rId4" Type="http://schemas.openxmlformats.org/officeDocument/2006/relationships/slideLayout" Target="../slideLayouts/slideLayout9.xml"/><Relationship Id="rId9" Type="http://schemas.openxmlformats.org/officeDocument/2006/relationships/theme" Target="../theme/theme2.xml"/><Relationship Id="rId14" Type="http://schemas.openxmlformats.org/officeDocument/2006/relationships/tags" Target="../tags/tag2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1.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image" Target="../media/image7.png"/><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tags" Target="../tags/tag76.xml"/><Relationship Id="rId5" Type="http://schemas.openxmlformats.org/officeDocument/2006/relationships/slideLayout" Target="../slideLayouts/slideLayout18.xml"/><Relationship Id="rId10" Type="http://schemas.openxmlformats.org/officeDocument/2006/relationships/tags" Target="../tags/tag75.xml"/><Relationship Id="rId4" Type="http://schemas.openxmlformats.org/officeDocument/2006/relationships/slideLayout" Target="../slideLayouts/slideLayout17.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tags" Target="../tags/tag109.xml"/><Relationship Id="rId3" Type="http://schemas.openxmlformats.org/officeDocument/2006/relationships/slideLayout" Target="../slideLayouts/slideLayout24.xml"/><Relationship Id="rId7" Type="http://schemas.openxmlformats.org/officeDocument/2006/relationships/tags" Target="../tags/tag108.xml"/><Relationship Id="rId2" Type="http://schemas.openxmlformats.org/officeDocument/2006/relationships/slideLayout" Target="../slideLayouts/slideLayout23.xml"/><Relationship Id="rId1" Type="http://schemas.openxmlformats.org/officeDocument/2006/relationships/slideLayout" Target="../slideLayouts/slideLayout22.xml"/><Relationship Id="rId6" Type="http://schemas.openxmlformats.org/officeDocument/2006/relationships/tags" Target="../tags/tag107.xml"/><Relationship Id="rId5" Type="http://schemas.openxmlformats.org/officeDocument/2006/relationships/theme" Target="../theme/theme4.xml"/><Relationship Id="rId10" Type="http://schemas.openxmlformats.org/officeDocument/2006/relationships/image" Target="../media/image1.png"/><Relationship Id="rId4" Type="http://schemas.openxmlformats.org/officeDocument/2006/relationships/slideLayout" Target="../slideLayouts/slideLayout25.xml"/><Relationship Id="rId9" Type="http://schemas.openxmlformats.org/officeDocument/2006/relationships/image" Target="../media/image1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accent1"/>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7"/>
            </p:custDataLst>
          </p:nvPr>
        </p:nvSpPr>
        <p:spPr>
          <a:xfrm>
            <a:off x="358775" y="365126"/>
            <a:ext cx="8426450" cy="1281112"/>
          </a:xfrm>
          <a:prstGeom prst="rect">
            <a:avLst/>
          </a:prstGeom>
        </p:spPr>
        <p:txBody>
          <a:bodyPr vert="horz" lIns="0" tIns="0" rIns="0" bIns="0" rtlCol="0" anchor="t" anchorCtr="0">
            <a:normAutofit/>
          </a:bodyPr>
          <a:lstStyle/>
          <a:p>
            <a:r>
              <a:rPr lang="de-CH" dirty="0"/>
              <a:t>Titelmasterformat durch Klicken bearbeiten</a:t>
            </a:r>
          </a:p>
        </p:txBody>
      </p:sp>
      <p:sp>
        <p:nvSpPr>
          <p:cNvPr id="17" name="Textplatzhalter 16"/>
          <p:cNvSpPr>
            <a:spLocks noGrp="1"/>
          </p:cNvSpPr>
          <p:nvPr>
            <p:ph type="body" idx="1"/>
            <p:custDataLst>
              <p:tags r:id="rId8"/>
            </p:custDataLst>
          </p:nvPr>
        </p:nvSpPr>
        <p:spPr>
          <a:xfrm>
            <a:off x="358775" y="1825625"/>
            <a:ext cx="8419237" cy="4351338"/>
          </a:xfrm>
          <a:prstGeom prst="rect">
            <a:avLst/>
          </a:prstGeom>
        </p:spPr>
        <p:txBody>
          <a:bodyPr vert="horz" lIns="0" tIns="0" rIns="0" bIns="0" rtlCol="0" anchor="t" anchorCtr="0">
            <a:normAutofit/>
          </a:bodyPr>
          <a:lstStyle/>
          <a:p>
            <a:pPr lvl="0"/>
            <a:r>
              <a:rPr lang="de-CH" dirty="0"/>
              <a:t>Textmasterformat bearbeiten</a:t>
            </a:r>
          </a:p>
        </p:txBody>
      </p:sp>
      <p:sp>
        <p:nvSpPr>
          <p:cNvPr id="18" name="Datumsplatzhalter 17"/>
          <p:cNvSpPr>
            <a:spLocks noGrp="1"/>
          </p:cNvSpPr>
          <p:nvPr>
            <p:ph type="dt" sz="half" idx="2"/>
            <p:custDataLst>
              <p:tags r:id="rId9"/>
            </p:custDataLst>
          </p:nvPr>
        </p:nvSpPr>
        <p:spPr>
          <a:xfrm>
            <a:off x="358775" y="6356350"/>
            <a:ext cx="2327275"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04.04.2024</a:t>
            </a:fld>
            <a:endParaRPr lang="de-CH" dirty="0"/>
          </a:p>
        </p:txBody>
      </p:sp>
    </p:spTree>
    <p:extLst>
      <p:ext uri="{BB962C8B-B14F-4D97-AF65-F5344CB8AC3E}">
        <p14:creationId xmlns:p14="http://schemas.microsoft.com/office/powerpoint/2010/main" val="3860523110"/>
      </p:ext>
    </p:extLst>
  </p:cSld>
  <p:clrMap bg1="lt1" tx1="dk1" bg2="lt2" tx2="dk2" accent1="accent1" accent2="accent2" accent3="accent3" accent4="accent4" accent5="accent5" accent6="accent6" hlink="hlink" folHlink="folHlink"/>
  <p:sldLayoutIdLst>
    <p:sldLayoutId id="2147484215" r:id="rId1"/>
    <p:sldLayoutId id="2147484216" r:id="rId2"/>
    <p:sldLayoutId id="2147484217" r:id="rId3"/>
    <p:sldLayoutId id="2147484218" r:id="rId4"/>
    <p:sldLayoutId id="2147484219" r:id="rId5"/>
  </p:sldLayoutIdLst>
  <p:transition spd="med">
    <p:pull/>
  </p:transition>
  <p:hf hdr="0"/>
  <p:txStyles>
    <p:titleStyle>
      <a:lvl1pPr algn="l" defTabSz="914400" rtl="0" eaLnBrk="1" latinLnBrk="0" hangingPunct="1">
        <a:lnSpc>
          <a:spcPct val="90000"/>
        </a:lnSpc>
        <a:spcBef>
          <a:spcPct val="0"/>
        </a:spcBef>
        <a:buNone/>
        <a:defRPr sz="36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3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0" orient="horz" pos="4110" userDrawn="1">
          <p15:clr>
            <a:srgbClr val="F26B43"/>
          </p15:clr>
        </p15:guide>
        <p15:guide id="1" pos="226">
          <p15:clr>
            <a:srgbClr val="F26B43"/>
          </p15:clr>
        </p15:guide>
        <p15:guide id="2" pos="5534">
          <p15:clr>
            <a:srgbClr val="F26B43"/>
          </p15:clr>
        </p15:guide>
        <p15:guide id="3" pos="170" userDrawn="1">
          <p15:clr>
            <a:srgbClr val="F26B43"/>
          </p15:clr>
        </p15:guide>
        <p15:guide id="4" pos="4151" userDrawn="1">
          <p15:clr>
            <a:srgbClr val="F26B43"/>
          </p15:clr>
        </p15:guide>
        <p15:guide id="5" orient="horz" pos="23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7" name="Rechteck 6"/>
          <p:cNvSpPr/>
          <p:nvPr>
            <p:custDataLst>
              <p:tags r:id="rId10"/>
            </p:custDataLst>
          </p:nvPr>
        </p:nvSpPr>
        <p:spPr>
          <a:xfrm>
            <a:off x="0" y="5943600"/>
            <a:ext cx="9144000" cy="914400"/>
          </a:xfrm>
          <a:prstGeom prst="rect">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indent="0" algn="ctr" defTabSz="914400" rtl="0" eaLnBrk="1" fontAlgn="auto" latinLnBrk="0" hangingPunct="1">
              <a:lnSpc>
                <a:spcPct val="100000"/>
              </a:lnSpc>
              <a:spcBef>
                <a:spcPts val="0"/>
              </a:spcBef>
              <a:spcAft>
                <a:spcPts val="0"/>
              </a:spcAft>
              <a:buClrTx/>
              <a:buSzTx/>
              <a:buFontTx/>
              <a:buNone/>
              <a:tabLst/>
              <a:defRPr/>
            </a:pPr>
            <a:endParaRPr lang="de-CH" dirty="0">
              <a:solidFill>
                <a:schemeClr val="tx1"/>
              </a:solidFill>
            </a:endParaRPr>
          </a:p>
          <a:p>
            <a:pPr algn="ctr"/>
            <a:endParaRPr lang="de-CH" dirty="0"/>
          </a:p>
        </p:txBody>
      </p:sp>
      <p:sp>
        <p:nvSpPr>
          <p:cNvPr id="2" name="Titelplatzhalter 1"/>
          <p:cNvSpPr>
            <a:spLocks noGrp="1"/>
          </p:cNvSpPr>
          <p:nvPr>
            <p:ph type="title"/>
            <p:custDataLst>
              <p:tags r:id="rId11"/>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a:t>Titel einfügen</a:t>
            </a:r>
          </a:p>
        </p:txBody>
      </p:sp>
      <p:sp>
        <p:nvSpPr>
          <p:cNvPr id="3" name="Textplatzhalter 2"/>
          <p:cNvSpPr>
            <a:spLocks noGrp="1"/>
          </p:cNvSpPr>
          <p:nvPr>
            <p:ph type="body" idx="1"/>
            <p:custDataLst>
              <p:tags r:id="rId12"/>
            </p:custDataLst>
          </p:nvPr>
        </p:nvSpPr>
        <p:spPr>
          <a:xfrm>
            <a:off x="360000" y="1089024"/>
            <a:ext cx="8424000" cy="4242605"/>
          </a:xfrm>
          <a:prstGeom prst="rect">
            <a:avLst/>
          </a:prstGeom>
        </p:spPr>
        <p:txBody>
          <a:bodyPr vert="horz" lIns="0" tIns="0" rIns="0" bIns="0" rtlCol="0" anchor="t" anchorCtr="0">
            <a:noAutofit/>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6" name="Foliennummernplatzhalter 5"/>
          <p:cNvSpPr>
            <a:spLocks noGrp="1"/>
          </p:cNvSpPr>
          <p:nvPr>
            <p:ph type="sldNum" sz="quarter" idx="4"/>
            <p:custDataLst>
              <p:tags r:id="rId13"/>
            </p:custDataLst>
          </p:nvPr>
        </p:nvSpPr>
        <p:spPr>
          <a:xfrm>
            <a:off x="662939" y="6484364"/>
            <a:ext cx="276226" cy="153889"/>
          </a:xfrm>
          <a:prstGeom prst="rect">
            <a:avLst/>
          </a:prstGeom>
        </p:spPr>
        <p:txBody>
          <a:bodyPr vert="horz" lIns="0" tIns="0" rIns="0" bIns="0" rtlCol="0" anchor="t" anchorCtr="0"/>
          <a:lstStyle>
            <a:lvl1pPr algn="l">
              <a:defRPr sz="1000" baseline="0">
                <a:solidFill>
                  <a:schemeClr val="tx1"/>
                </a:solidFill>
                <a:latin typeface="Calibri" panose="020F0502020204030204" pitchFamily="34" charset="0"/>
              </a:defRPr>
            </a:lvl1pPr>
          </a:lstStyle>
          <a:p>
            <a:fld id="{565A3E7D-0018-4715-8B3D-68E2BF3AD988}" type="slidenum">
              <a:rPr lang="de-CH" smtClean="0"/>
              <a:pPr/>
              <a:t>‹Nr.›</a:t>
            </a:fld>
            <a:endParaRPr lang="de-CH" dirty="0"/>
          </a:p>
        </p:txBody>
      </p:sp>
      <p:pic>
        <p:nvPicPr>
          <p:cNvPr id="8" name="Grafik 7"/>
          <p:cNvPicPr>
            <a:picLocks noChangeAspect="1"/>
          </p:cNvPicPr>
          <p:nvPr/>
        </p:nvPicPr>
        <p:blipFill>
          <a:blip r:embed="rId18">
            <a:extLst>
              <a:ext uri="{28A0092B-C50C-407E-A947-70E740481C1C}">
                <a14:useLocalDpi xmlns:a14="http://schemas.microsoft.com/office/drawing/2010/main" val="0"/>
              </a:ext>
            </a:extLst>
          </a:blip>
          <a:stretch>
            <a:fillRect/>
          </a:stretch>
        </p:blipFill>
        <p:spPr>
          <a:xfrm>
            <a:off x="7846750" y="6212129"/>
            <a:ext cx="937250" cy="395115"/>
          </a:xfrm>
          <a:prstGeom prst="rect">
            <a:avLst/>
          </a:prstGeom>
        </p:spPr>
      </p:pic>
      <p:sp>
        <p:nvSpPr>
          <p:cNvPr id="9" name="Textfeld 8"/>
          <p:cNvSpPr txBox="1"/>
          <p:nvPr>
            <p:custDataLst>
              <p:tags r:id="rId14"/>
            </p:custDataLst>
          </p:nvPr>
        </p:nvSpPr>
        <p:spPr>
          <a:xfrm>
            <a:off x="359999" y="6328800"/>
            <a:ext cx="6840001" cy="153888"/>
          </a:xfrm>
          <a:prstGeom prst="rect">
            <a:avLst/>
          </a:prstGeom>
          <a:noFill/>
        </p:spPr>
        <p:txBody>
          <a:bodyPr wrap="square" lIns="0" tIns="0" rIns="0" bIns="0" rtlCol="0">
            <a:spAutoFit/>
          </a:bodyPr>
          <a:lstStyle/>
          <a:p>
            <a:r>
              <a:rPr lang="de-CH" sz="1000" cap="all" baseline="0">
                <a:latin typeface="Calibri" panose="020F0502020204030204" pitchFamily="34" charset="0"/>
              </a:rPr>
              <a:t>Bildungs- und Kulturdirektion</a:t>
            </a:r>
            <a:endParaRPr lang="de-CH" sz="1000" cap="all" baseline="0" dirty="0">
              <a:latin typeface="Calibri" panose="020F0502020204030204" pitchFamily="34" charset="0"/>
            </a:endParaRPr>
          </a:p>
        </p:txBody>
      </p:sp>
      <p:sp>
        <p:nvSpPr>
          <p:cNvPr id="15" name="Textfeld 14"/>
          <p:cNvSpPr txBox="1"/>
          <p:nvPr>
            <p:custDataLst>
              <p:tags r:id="rId15"/>
            </p:custDataLst>
          </p:nvPr>
        </p:nvSpPr>
        <p:spPr>
          <a:xfrm>
            <a:off x="359999" y="6484366"/>
            <a:ext cx="320085" cy="153888"/>
          </a:xfrm>
          <a:prstGeom prst="rect">
            <a:avLst/>
          </a:prstGeom>
          <a:noFill/>
        </p:spPr>
        <p:txBody>
          <a:bodyPr wrap="square" lIns="0" tIns="0" rIns="0" bIns="0" rtlCol="0">
            <a:spAutoFit/>
          </a:bodyPr>
          <a:lstStyle/>
          <a:p>
            <a:r>
              <a:rPr lang="de-CH" sz="1000" cap="none" baseline="0" dirty="0">
                <a:latin typeface="Calibri" panose="020F0502020204030204" pitchFamily="34" charset="0"/>
              </a:rPr>
              <a:t>Seite</a:t>
            </a:r>
          </a:p>
        </p:txBody>
      </p:sp>
      <p:sp>
        <p:nvSpPr>
          <p:cNvPr id="11" name="Textfeld 10"/>
          <p:cNvSpPr txBox="1"/>
          <p:nvPr userDrawn="1">
            <p:custDataLst>
              <p:tags r:id="rId16"/>
            </p:custDataLst>
          </p:nvPr>
        </p:nvSpPr>
        <p:spPr>
          <a:xfrm>
            <a:off x="896400" y="6483600"/>
            <a:ext cx="20844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000"/>
              <a:t>10. April 2024</a:t>
            </a:r>
            <a:endParaRPr lang="de-CH" sz="1000" dirty="0"/>
          </a:p>
        </p:txBody>
      </p:sp>
      <p:sp>
        <p:nvSpPr>
          <p:cNvPr id="4" name="Textfeld 3"/>
          <p:cNvSpPr txBox="1"/>
          <p:nvPr userDrawn="1">
            <p:custDataLst>
              <p:tags r:id="rId17"/>
            </p:custDataLst>
          </p:nvPr>
        </p:nvSpPr>
        <p:spPr>
          <a:xfrm>
            <a:off x="359999" y="6174000"/>
            <a:ext cx="3978000" cy="153888"/>
          </a:xfrm>
          <a:prstGeom prst="rect">
            <a:avLst/>
          </a:prstGeom>
          <a:noFill/>
        </p:spPr>
        <p:txBody>
          <a:bodyPr wrap="square" lIns="0" tIns="0" rIns="0" bIns="0" rtlCol="0">
            <a:spAutoFit/>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de-CH" sz="1000" b="1" dirty="0"/>
          </a:p>
        </p:txBody>
      </p:sp>
    </p:spTree>
    <p:extLst>
      <p:ext uri="{BB962C8B-B14F-4D97-AF65-F5344CB8AC3E}">
        <p14:creationId xmlns:p14="http://schemas.microsoft.com/office/powerpoint/2010/main" val="279384822"/>
      </p:ext>
    </p:extLst>
  </p:cSld>
  <p:clrMap bg1="lt1" tx1="dk1" bg2="lt2" tx2="dk2" accent1="accent1" accent2="accent2" accent3="accent3" accent4="accent4" accent5="accent5" accent6="accent6" hlink="hlink" folHlink="folHlink"/>
  <p:sldLayoutIdLst>
    <p:sldLayoutId id="2147484222" r:id="rId1"/>
    <p:sldLayoutId id="2147484223" r:id="rId2"/>
    <p:sldLayoutId id="2147484224" r:id="rId3"/>
    <p:sldLayoutId id="2147484225" r:id="rId4"/>
    <p:sldLayoutId id="2147484226" r:id="rId5"/>
    <p:sldLayoutId id="2147484227" r:id="rId6"/>
    <p:sldLayoutId id="2147484228" r:id="rId7"/>
    <p:sldLayoutId id="2147484243" r:id="rId8"/>
  </p:sldLayoutIdLst>
  <p:transition spd="med">
    <p:pull/>
  </p:transition>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9"/>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86">
          <p15:clr>
            <a:srgbClr val="F26B43"/>
          </p15:clr>
        </p15:guide>
        <p15:guide id="2" pos="5534">
          <p15:clr>
            <a:srgbClr val="F26B43"/>
          </p15:clr>
        </p15:guide>
        <p15:guide id="3" pos="226">
          <p15:clr>
            <a:srgbClr val="F26B43"/>
          </p15:clr>
        </p15:guide>
        <p15:guide id="4" orient="horz" pos="354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2" name="Titelplatzhalter 1"/>
          <p:cNvSpPr>
            <a:spLocks noGrp="1"/>
          </p:cNvSpPr>
          <p:nvPr>
            <p:ph type="title"/>
            <p:custDataLst>
              <p:tags r:id="rId10"/>
            </p:custDataLst>
          </p:nvPr>
        </p:nvSpPr>
        <p:spPr>
          <a:xfrm>
            <a:off x="0" y="-1"/>
            <a:ext cx="7200000" cy="748800"/>
          </a:xfrm>
          <a:prstGeom prst="rect">
            <a:avLst/>
          </a:prstGeom>
          <a:solidFill>
            <a:schemeClr val="tx1"/>
          </a:solidFill>
        </p:spPr>
        <p:txBody>
          <a:bodyPr vert="horz" lIns="360000" tIns="72000" rIns="72000" bIns="36000" rtlCol="0" anchor="b" anchorCtr="0">
            <a:noAutofit/>
          </a:bodyPr>
          <a:lstStyle/>
          <a:p>
            <a:r>
              <a:rPr lang="de-CH" dirty="0"/>
              <a:t>Titel einfügen</a:t>
            </a:r>
          </a:p>
        </p:txBody>
      </p:sp>
      <p:sp>
        <p:nvSpPr>
          <p:cNvPr id="3" name="Textplatzhalter 2"/>
          <p:cNvSpPr>
            <a:spLocks noGrp="1"/>
          </p:cNvSpPr>
          <p:nvPr>
            <p:ph type="body" idx="1"/>
            <p:custDataLst>
              <p:tags r:id="rId11"/>
            </p:custDataLst>
          </p:nvPr>
        </p:nvSpPr>
        <p:spPr>
          <a:xfrm>
            <a:off x="360000" y="1089025"/>
            <a:ext cx="8424000" cy="4602605"/>
          </a:xfrm>
          <a:prstGeom prst="rect">
            <a:avLst/>
          </a:prstGeom>
        </p:spPr>
        <p:txBody>
          <a:bodyPr vert="horz" lIns="0" tIns="0" rIns="0" bIns="0" rtlCol="0" anchor="t" anchorCtr="0">
            <a:noAutofit/>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4183125684"/>
      </p:ext>
    </p:extLst>
  </p:cSld>
  <p:clrMap bg1="lt1" tx1="dk1" bg2="lt2" tx2="dk2" accent1="accent1" accent2="accent2" accent3="accent3" accent4="accent4" accent5="accent5" accent6="accent6" hlink="hlink" folHlink="folHlink"/>
  <p:sldLayoutIdLst>
    <p:sldLayoutId id="2147484230" r:id="rId1"/>
    <p:sldLayoutId id="2147484231" r:id="rId2"/>
    <p:sldLayoutId id="2147484232" r:id="rId3"/>
    <p:sldLayoutId id="2147484233" r:id="rId4"/>
    <p:sldLayoutId id="2147484234" r:id="rId5"/>
    <p:sldLayoutId id="2147484235" r:id="rId6"/>
    <p:sldLayoutId id="2147484236" r:id="rId7"/>
    <p:sldLayoutId id="2147484237" r:id="rId8"/>
  </p:sldLayoutIdLst>
  <p:transition spd="med">
    <p:pull/>
  </p:transition>
  <p:hf hdr="0"/>
  <p:txStyles>
    <p:titleStyle>
      <a:lvl1pPr algn="l" defTabSz="914400" rtl="0" eaLnBrk="1" latinLnBrk="0" hangingPunct="1">
        <a:lnSpc>
          <a:spcPct val="80000"/>
        </a:lnSpc>
        <a:spcBef>
          <a:spcPct val="0"/>
        </a:spcBef>
        <a:spcAft>
          <a:spcPts val="0"/>
        </a:spcAft>
        <a:buNone/>
        <a:defRPr sz="2600" b="1" kern="1200" baseline="0">
          <a:solidFill>
            <a:schemeClr val="accent1"/>
          </a:solidFill>
          <a:latin typeface="Calibri" panose="020F0502020204030204" pitchFamily="34" charset="0"/>
          <a:ea typeface="+mj-ea"/>
          <a:cs typeface="DINPro-Bold" panose="020B0804020101020102" pitchFamily="34" charset="0"/>
        </a:defRPr>
      </a:lvl1pPr>
    </p:titleStyle>
    <p:bodyStyle>
      <a:lvl1pPr marL="0" indent="0" algn="l" defTabSz="914400" rtl="0" eaLnBrk="1" latinLnBrk="0" hangingPunct="1">
        <a:lnSpc>
          <a:spcPct val="90000"/>
        </a:lnSpc>
        <a:spcBef>
          <a:spcPts val="0"/>
        </a:spcBef>
        <a:spcAft>
          <a:spcPts val="600"/>
        </a:spcAft>
        <a:buClr>
          <a:schemeClr val="accent4"/>
        </a:buClr>
        <a:buFont typeface="Arial" panose="020B0604020202020204" pitchFamily="34" charset="0"/>
        <a:buChar char="​"/>
        <a:defRPr sz="2000" kern="1200" baseline="0">
          <a:solidFill>
            <a:schemeClr val="tx1"/>
          </a:solidFill>
          <a:latin typeface="Calibri" panose="020F0502020204030204" pitchFamily="34" charset="0"/>
          <a:ea typeface="+mn-ea"/>
          <a:cs typeface="+mn-cs"/>
        </a:defRPr>
      </a:lvl1pPr>
      <a:lvl2pPr marL="288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2pPr>
      <a:lvl3pPr marL="576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3pPr>
      <a:lvl4pPr marL="864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4pPr>
      <a:lvl5pPr marL="1152000" indent="-288000" algn="l" defTabSz="914400" rtl="0" eaLnBrk="1" latinLnBrk="0" hangingPunct="1">
        <a:lnSpc>
          <a:spcPct val="90000"/>
        </a:lnSpc>
        <a:spcBef>
          <a:spcPts val="0"/>
        </a:spcBef>
        <a:spcAft>
          <a:spcPts val="600"/>
        </a:spcAft>
        <a:buClr>
          <a:schemeClr val="accent1"/>
        </a:buClr>
        <a:buFontTx/>
        <a:buBlip>
          <a:blip r:embed="rId12"/>
        </a:buBlip>
        <a:defRPr sz="2000" kern="1200" baseline="0">
          <a:solidFill>
            <a:schemeClr val="tx1"/>
          </a:solidFill>
          <a:latin typeface="Calibri" panose="020F0502020204030204" pitchFamily="34"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686">
          <p15:clr>
            <a:srgbClr val="F26B43"/>
          </p15:clr>
        </p15:guide>
        <p15:guide id="2" pos="226">
          <p15:clr>
            <a:srgbClr val="F26B43"/>
          </p15:clr>
        </p15:guide>
        <p15:guide id="3" pos="5534">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6" name="Titelplatzhalter 15"/>
          <p:cNvSpPr>
            <a:spLocks noGrp="1"/>
          </p:cNvSpPr>
          <p:nvPr>
            <p:ph type="title"/>
            <p:custDataLst>
              <p:tags r:id="rId6"/>
            </p:custDataLst>
          </p:nvPr>
        </p:nvSpPr>
        <p:spPr>
          <a:xfrm>
            <a:off x="12546" y="0"/>
            <a:ext cx="7200000" cy="748800"/>
          </a:xfrm>
          <a:prstGeom prst="rect">
            <a:avLst/>
          </a:prstGeom>
          <a:solidFill>
            <a:schemeClr val="tx1"/>
          </a:solidFill>
        </p:spPr>
        <p:txBody>
          <a:bodyPr vert="horz" lIns="360000" tIns="144000" rIns="72000" bIns="144000" rtlCol="0" anchor="t" anchorCtr="0">
            <a:noAutofit/>
          </a:bodyPr>
          <a:lstStyle/>
          <a:p>
            <a:r>
              <a:rPr lang="de-CH" dirty="0"/>
              <a:t>Titel</a:t>
            </a:r>
          </a:p>
        </p:txBody>
      </p:sp>
      <p:sp>
        <p:nvSpPr>
          <p:cNvPr id="17" name="Textplatzhalter 16"/>
          <p:cNvSpPr>
            <a:spLocks noGrp="1"/>
          </p:cNvSpPr>
          <p:nvPr>
            <p:ph type="body" idx="1"/>
            <p:custDataLst>
              <p:tags r:id="rId7"/>
            </p:custDataLst>
          </p:nvPr>
        </p:nvSpPr>
        <p:spPr>
          <a:xfrm>
            <a:off x="358775" y="1825625"/>
            <a:ext cx="8426450" cy="2299335"/>
          </a:xfrm>
          <a:prstGeom prst="rect">
            <a:avLst/>
          </a:prstGeom>
        </p:spPr>
        <p:txBody>
          <a:bodyPr vert="horz" lIns="0" tIns="0" rIns="0" bIns="0" rtlCol="0" anchor="t" anchorCtr="0">
            <a:normAutofit/>
          </a:bodyPr>
          <a:lstStyle/>
          <a:p>
            <a:pPr lvl="0"/>
            <a:r>
              <a:rPr lang="de-CH" dirty="0"/>
              <a:t>Textmasterformat </a:t>
            </a:r>
          </a:p>
          <a:p>
            <a:pPr lvl="1"/>
            <a:r>
              <a:rPr lang="de-CH" dirty="0"/>
              <a:t>bearbeiten</a:t>
            </a:r>
          </a:p>
        </p:txBody>
      </p:sp>
      <p:sp>
        <p:nvSpPr>
          <p:cNvPr id="18" name="Datumsplatzhalter 17"/>
          <p:cNvSpPr>
            <a:spLocks noGrp="1"/>
          </p:cNvSpPr>
          <p:nvPr>
            <p:ph type="dt" sz="half" idx="2"/>
            <p:custDataLst>
              <p:tags r:id="rId8"/>
            </p:custDataLst>
          </p:nvPr>
        </p:nvSpPr>
        <p:spPr>
          <a:xfrm>
            <a:off x="358775" y="6377574"/>
            <a:ext cx="2057400" cy="365125"/>
          </a:xfrm>
          <a:prstGeom prst="rect">
            <a:avLst/>
          </a:prstGeom>
        </p:spPr>
        <p:txBody>
          <a:bodyPr vert="horz" lIns="0" tIns="0" rIns="0" bIns="0" rtlCol="0" anchor="t" anchorCtr="0"/>
          <a:lstStyle>
            <a:lvl1pPr algn="l">
              <a:defRPr sz="1200">
                <a:solidFill>
                  <a:srgbClr val="000000"/>
                </a:solidFill>
              </a:defRPr>
            </a:lvl1pPr>
          </a:lstStyle>
          <a:p>
            <a:fld id="{64BD9067-4B22-4591-B0DB-BB0697601439}" type="datetime1">
              <a:rPr lang="de-CH" smtClean="0"/>
              <a:t>04.04.2024</a:t>
            </a:fld>
            <a:endParaRPr lang="de-CH" dirty="0"/>
          </a:p>
        </p:txBody>
      </p:sp>
    </p:spTree>
    <p:extLst>
      <p:ext uri="{BB962C8B-B14F-4D97-AF65-F5344CB8AC3E}">
        <p14:creationId xmlns:p14="http://schemas.microsoft.com/office/powerpoint/2010/main" val="2759683395"/>
      </p:ext>
    </p:extLst>
  </p:cSld>
  <p:clrMap bg1="lt1" tx1="dk1" bg2="lt2" tx2="dk2" accent1="accent1" accent2="accent2" accent3="accent3" accent4="accent4" accent5="accent5" accent6="accent6" hlink="hlink" folHlink="folHlink"/>
  <p:sldLayoutIdLst>
    <p:sldLayoutId id="2147484239" r:id="rId1"/>
    <p:sldLayoutId id="2147484240" r:id="rId2"/>
    <p:sldLayoutId id="2147484241" r:id="rId3"/>
    <p:sldLayoutId id="2147484242" r:id="rId4"/>
  </p:sldLayoutIdLst>
  <p:transition spd="med">
    <p:pull/>
  </p:transition>
  <p:hf hdr="0"/>
  <p:txStyles>
    <p:titleStyle>
      <a:lvl1pPr algn="l" defTabSz="914400" rtl="0" eaLnBrk="1" latinLnBrk="0" hangingPunct="1">
        <a:lnSpc>
          <a:spcPct val="90000"/>
        </a:lnSpc>
        <a:spcBef>
          <a:spcPct val="0"/>
        </a:spcBef>
        <a:buNone/>
        <a:defRPr sz="3600" b="1" kern="1200">
          <a:solidFill>
            <a:schemeClr val="accent1"/>
          </a:solidFill>
          <a:latin typeface="+mj-lt"/>
          <a:ea typeface="+mj-ea"/>
          <a:cs typeface="+mj-cs"/>
        </a:defRPr>
      </a:lvl1pPr>
    </p:titleStyle>
    <p:bodyStyle>
      <a:lvl1pPr marL="0" indent="0" algn="l" defTabSz="914400" rtl="0" eaLnBrk="1" latinLnBrk="0" hangingPunct="1">
        <a:lnSpc>
          <a:spcPct val="90000"/>
        </a:lnSpc>
        <a:spcBef>
          <a:spcPts val="1000"/>
        </a:spcBef>
        <a:spcAft>
          <a:spcPts val="500"/>
        </a:spcAft>
        <a:buSzPct val="70000"/>
        <a:buFont typeface="Arial" panose="020B0604020202020204"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90000"/>
        </a:lnSpc>
        <a:spcBef>
          <a:spcPts val="0"/>
        </a:spcBef>
        <a:spcAft>
          <a:spcPts val="800"/>
        </a:spcAft>
        <a:buSzPct val="100000"/>
        <a:buFontTx/>
        <a:buBlip>
          <a:blip r:embed="rId9"/>
        </a:buBlip>
        <a:defRPr sz="2000" kern="1200">
          <a:solidFill>
            <a:schemeClr val="tx1"/>
          </a:solidFill>
          <a:latin typeface="+mn-lt"/>
          <a:ea typeface="+mn-ea"/>
          <a:cs typeface="+mn-cs"/>
        </a:defRPr>
      </a:lvl2pPr>
      <a:lvl3pPr marL="576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3pPr>
      <a:lvl4pPr marL="864000" indent="-288000" algn="l" defTabSz="914400" rtl="0" eaLnBrk="1" latinLnBrk="0" hangingPunct="1">
        <a:lnSpc>
          <a:spcPct val="90000"/>
        </a:lnSpc>
        <a:spcBef>
          <a:spcPts val="0"/>
        </a:spcBef>
        <a:spcAft>
          <a:spcPts val="800"/>
        </a:spcAft>
        <a:buSzPct val="70000"/>
        <a:buFontTx/>
        <a:buBlip>
          <a:blip r:embed="rId10"/>
        </a:buBlip>
        <a:defRPr sz="2400" kern="1200">
          <a:solidFill>
            <a:schemeClr val="tx1"/>
          </a:solidFill>
          <a:latin typeface="+mn-lt"/>
          <a:ea typeface="+mn-ea"/>
          <a:cs typeface="+mn-cs"/>
        </a:defRPr>
      </a:lvl4pPr>
      <a:lvl5pPr marL="1152000" indent="-288000" algn="l" defTabSz="914400" rtl="0" eaLnBrk="1" latinLnBrk="0" hangingPunct="1">
        <a:lnSpc>
          <a:spcPct val="90000"/>
        </a:lnSpc>
        <a:spcBef>
          <a:spcPts val="0"/>
        </a:spcBef>
        <a:spcAft>
          <a:spcPts val="500"/>
        </a:spcAft>
        <a:buSzPct val="70000"/>
        <a:buFontTx/>
        <a:buBlip>
          <a:blip r:embed="rId10"/>
        </a:buBlip>
        <a:defRPr sz="2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4110">
          <p15:clr>
            <a:srgbClr val="F26B43"/>
          </p15:clr>
        </p15:guide>
        <p15:guide id="2" pos="226">
          <p15:clr>
            <a:srgbClr val="F26B43"/>
          </p15:clr>
        </p15:guide>
        <p15:guide id="3" pos="5534">
          <p15:clr>
            <a:srgbClr val="F26B43"/>
          </p15:clr>
        </p15:guide>
        <p15:guide id="4" orient="horz" pos="232">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18.xml"/></Relationships>
</file>

<file path=ppt/slides/_rels/slide10.xml.rels><?xml version="1.0" encoding="UTF-8" standalone="yes"?>
<Relationships xmlns="http://schemas.openxmlformats.org/package/2006/relationships"><Relationship Id="rId3" Type="http://schemas.openxmlformats.org/officeDocument/2006/relationships/tags" Target="../tags/tag143.xml"/><Relationship Id="rId7" Type="http://schemas.openxmlformats.org/officeDocument/2006/relationships/notesSlide" Target="../notesSlides/notesSlide9.xml"/><Relationship Id="rId2" Type="http://schemas.openxmlformats.org/officeDocument/2006/relationships/tags" Target="../tags/tag142.xml"/><Relationship Id="rId1" Type="http://schemas.openxmlformats.org/officeDocument/2006/relationships/tags" Target="../tags/tag141.xml"/><Relationship Id="rId6" Type="http://schemas.openxmlformats.org/officeDocument/2006/relationships/slideLayout" Target="../slideLayouts/slideLayout6.xml"/><Relationship Id="rId5" Type="http://schemas.openxmlformats.org/officeDocument/2006/relationships/tags" Target="../tags/tag145.xml"/><Relationship Id="rId4" Type="http://schemas.openxmlformats.org/officeDocument/2006/relationships/tags" Target="../tags/tag144.xml"/></Relationships>
</file>

<file path=ppt/slides/_rels/slide11.xml.rels><?xml version="1.0" encoding="UTF-8" standalone="yes"?>
<Relationships xmlns="http://schemas.openxmlformats.org/package/2006/relationships"><Relationship Id="rId8" Type="http://schemas.openxmlformats.org/officeDocument/2006/relationships/tags" Target="../tags/tag153.xml"/><Relationship Id="rId3" Type="http://schemas.openxmlformats.org/officeDocument/2006/relationships/tags" Target="../tags/tag148.xml"/><Relationship Id="rId7" Type="http://schemas.openxmlformats.org/officeDocument/2006/relationships/tags" Target="../tags/tag152.xml"/><Relationship Id="rId2" Type="http://schemas.openxmlformats.org/officeDocument/2006/relationships/tags" Target="../tags/tag147.xml"/><Relationship Id="rId1" Type="http://schemas.openxmlformats.org/officeDocument/2006/relationships/tags" Target="../tags/tag146.xml"/><Relationship Id="rId6" Type="http://schemas.openxmlformats.org/officeDocument/2006/relationships/tags" Target="../tags/tag151.xml"/><Relationship Id="rId11" Type="http://schemas.openxmlformats.org/officeDocument/2006/relationships/notesSlide" Target="../notesSlides/notesSlide10.xml"/><Relationship Id="rId5" Type="http://schemas.openxmlformats.org/officeDocument/2006/relationships/tags" Target="../tags/tag150.xml"/><Relationship Id="rId10" Type="http://schemas.openxmlformats.org/officeDocument/2006/relationships/slideLayout" Target="../slideLayouts/slideLayout6.xml"/><Relationship Id="rId4" Type="http://schemas.openxmlformats.org/officeDocument/2006/relationships/tags" Target="../tags/tag149.xml"/><Relationship Id="rId9" Type="http://schemas.openxmlformats.org/officeDocument/2006/relationships/tags" Target="../tags/tag154.xml"/></Relationships>
</file>

<file path=ppt/slides/_rels/slide12.xml.rels><?xml version="1.0" encoding="UTF-8" standalone="yes"?>
<Relationships xmlns="http://schemas.openxmlformats.org/package/2006/relationships"><Relationship Id="rId3" Type="http://schemas.openxmlformats.org/officeDocument/2006/relationships/tags" Target="../tags/tag157.xml"/><Relationship Id="rId7" Type="http://schemas.openxmlformats.org/officeDocument/2006/relationships/hyperlink" Target="http://www.bildungsportal-uri.ch/" TargetMode="External"/><Relationship Id="rId2" Type="http://schemas.openxmlformats.org/officeDocument/2006/relationships/tags" Target="../tags/tag156.xml"/><Relationship Id="rId1" Type="http://schemas.openxmlformats.org/officeDocument/2006/relationships/tags" Target="../tags/tag155.xml"/><Relationship Id="rId6" Type="http://schemas.openxmlformats.org/officeDocument/2006/relationships/hyperlink" Target="http://www.ur.ch/" TargetMode="External"/><Relationship Id="rId5" Type="http://schemas.openxmlformats.org/officeDocument/2006/relationships/notesSlide" Target="../notesSlides/notesSlide11.xml"/><Relationship Id="rId4"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tags" Target="../tags/tag158.xml"/><Relationship Id="rId4" Type="http://schemas.openxmlformats.org/officeDocument/2006/relationships/image" Target="../media/image16.jpg"/></Relationships>
</file>

<file path=ppt/slides/_rels/slide14.xml.rels><?xml version="1.0" encoding="UTF-8" standalone="yes"?>
<Relationships xmlns="http://schemas.openxmlformats.org/package/2006/relationships"><Relationship Id="rId3" Type="http://schemas.openxmlformats.org/officeDocument/2006/relationships/tags" Target="../tags/tag161.xml"/><Relationship Id="rId2" Type="http://schemas.openxmlformats.org/officeDocument/2006/relationships/tags" Target="../tags/tag160.xml"/><Relationship Id="rId1" Type="http://schemas.openxmlformats.org/officeDocument/2006/relationships/tags" Target="../tags/tag159.xml"/><Relationship Id="rId5" Type="http://schemas.openxmlformats.org/officeDocument/2006/relationships/notesSlide" Target="../notesSlides/notesSlide13.xml"/><Relationship Id="rId4"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tags" Target="../tags/tag164.xml"/><Relationship Id="rId2" Type="http://schemas.openxmlformats.org/officeDocument/2006/relationships/tags" Target="../tags/tag163.xml"/><Relationship Id="rId1" Type="http://schemas.openxmlformats.org/officeDocument/2006/relationships/tags" Target="../tags/tag162.xml"/><Relationship Id="rId5" Type="http://schemas.openxmlformats.org/officeDocument/2006/relationships/notesSlide" Target="../notesSlides/notesSlide14.xml"/><Relationship Id="rId4"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3" Type="http://schemas.openxmlformats.org/officeDocument/2006/relationships/tags" Target="../tags/tag167.xml"/><Relationship Id="rId2" Type="http://schemas.openxmlformats.org/officeDocument/2006/relationships/tags" Target="../tags/tag166.xml"/><Relationship Id="rId1" Type="http://schemas.openxmlformats.org/officeDocument/2006/relationships/tags" Target="../tags/tag165.xml"/><Relationship Id="rId5" Type="http://schemas.openxmlformats.org/officeDocument/2006/relationships/notesSlide" Target="../notesSlides/notesSlide15.xml"/><Relationship Id="rId4"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3" Type="http://schemas.openxmlformats.org/officeDocument/2006/relationships/tags" Target="../tags/tag170.xml"/><Relationship Id="rId2" Type="http://schemas.openxmlformats.org/officeDocument/2006/relationships/tags" Target="../tags/tag169.xml"/><Relationship Id="rId1" Type="http://schemas.openxmlformats.org/officeDocument/2006/relationships/tags" Target="../tags/tag168.xml"/><Relationship Id="rId5" Type="http://schemas.openxmlformats.org/officeDocument/2006/relationships/notesSlide" Target="../notesSlides/notesSlide16.xml"/><Relationship Id="rId4" Type="http://schemas.openxmlformats.org/officeDocument/2006/relationships/slideLayout" Target="../slideLayouts/slideLayout6.xml"/></Relationships>
</file>

<file path=ppt/slides/_rels/slide18.xml.rels><?xml version="1.0" encoding="UTF-8" standalone="yes"?>
<Relationships xmlns="http://schemas.openxmlformats.org/package/2006/relationships"><Relationship Id="rId3" Type="http://schemas.openxmlformats.org/officeDocument/2006/relationships/tags" Target="../tags/tag173.xml"/><Relationship Id="rId2" Type="http://schemas.openxmlformats.org/officeDocument/2006/relationships/tags" Target="../tags/tag172.xml"/><Relationship Id="rId1" Type="http://schemas.openxmlformats.org/officeDocument/2006/relationships/tags" Target="../tags/tag171.xml"/><Relationship Id="rId5" Type="http://schemas.openxmlformats.org/officeDocument/2006/relationships/notesSlide" Target="../notesSlides/notesSlide17.xml"/><Relationship Id="rId4"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tags" Target="../tags/tag176.xml"/><Relationship Id="rId2" Type="http://schemas.openxmlformats.org/officeDocument/2006/relationships/tags" Target="../tags/tag175.xml"/><Relationship Id="rId1" Type="http://schemas.openxmlformats.org/officeDocument/2006/relationships/tags" Target="../tags/tag174.xml"/><Relationship Id="rId5" Type="http://schemas.openxmlformats.org/officeDocument/2006/relationships/notesSlide" Target="../notesSlides/notesSlide18.xml"/><Relationship Id="rId4"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20.xml"/><Relationship Id="rId1" Type="http://schemas.openxmlformats.org/officeDocument/2006/relationships/tags" Target="../tags/tag119.xml"/><Relationship Id="rId4" Type="http://schemas.openxmlformats.org/officeDocument/2006/relationships/notesSlide" Target="../notesSlides/notesSlide1.xml"/></Relationships>
</file>

<file path=ppt/slides/_rels/slide20.xml.rels><?xml version="1.0" encoding="UTF-8" standalone="yes"?>
<Relationships xmlns="http://schemas.openxmlformats.org/package/2006/relationships"><Relationship Id="rId3" Type="http://schemas.openxmlformats.org/officeDocument/2006/relationships/tags" Target="../tags/tag179.xml"/><Relationship Id="rId2" Type="http://schemas.openxmlformats.org/officeDocument/2006/relationships/tags" Target="../tags/tag178.xml"/><Relationship Id="rId1" Type="http://schemas.openxmlformats.org/officeDocument/2006/relationships/tags" Target="../tags/tag177.xml"/><Relationship Id="rId5" Type="http://schemas.openxmlformats.org/officeDocument/2006/relationships/notesSlide" Target="../notesSlides/notesSlide19.xml"/><Relationship Id="rId4"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3" Type="http://schemas.openxmlformats.org/officeDocument/2006/relationships/tags" Target="../tags/tag182.xml"/><Relationship Id="rId2" Type="http://schemas.openxmlformats.org/officeDocument/2006/relationships/tags" Target="../tags/tag181.xml"/><Relationship Id="rId1" Type="http://schemas.openxmlformats.org/officeDocument/2006/relationships/tags" Target="../tags/tag180.xml"/><Relationship Id="rId6" Type="http://schemas.openxmlformats.org/officeDocument/2006/relationships/notesSlide" Target="../notesSlides/notesSlide20.xml"/><Relationship Id="rId5" Type="http://schemas.openxmlformats.org/officeDocument/2006/relationships/slideLayout" Target="../slideLayouts/slideLayout6.xml"/><Relationship Id="rId4" Type="http://schemas.openxmlformats.org/officeDocument/2006/relationships/tags" Target="../tags/tag183.xml"/></Relationships>
</file>

<file path=ppt/slides/_rels/slide22.xml.rels><?xml version="1.0" encoding="UTF-8" standalone="yes"?>
<Relationships xmlns="http://schemas.openxmlformats.org/package/2006/relationships"><Relationship Id="rId3" Type="http://schemas.openxmlformats.org/officeDocument/2006/relationships/tags" Target="../tags/tag186.xml"/><Relationship Id="rId2" Type="http://schemas.openxmlformats.org/officeDocument/2006/relationships/tags" Target="../tags/tag185.xml"/><Relationship Id="rId1" Type="http://schemas.openxmlformats.org/officeDocument/2006/relationships/tags" Target="../tags/tag184.xml"/><Relationship Id="rId5" Type="http://schemas.openxmlformats.org/officeDocument/2006/relationships/notesSlide" Target="../notesSlides/notesSlide21.xml"/><Relationship Id="rId4"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3" Type="http://schemas.openxmlformats.org/officeDocument/2006/relationships/tags" Target="../tags/tag189.xml"/><Relationship Id="rId2" Type="http://schemas.openxmlformats.org/officeDocument/2006/relationships/tags" Target="../tags/tag188.xml"/><Relationship Id="rId1" Type="http://schemas.openxmlformats.org/officeDocument/2006/relationships/tags" Target="../tags/tag187.xml"/><Relationship Id="rId5" Type="http://schemas.openxmlformats.org/officeDocument/2006/relationships/notesSlide" Target="../notesSlides/notesSlide22.xml"/><Relationship Id="rId4"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3" Type="http://schemas.openxmlformats.org/officeDocument/2006/relationships/tags" Target="../tags/tag192.xml"/><Relationship Id="rId2" Type="http://schemas.openxmlformats.org/officeDocument/2006/relationships/tags" Target="../tags/tag191.xml"/><Relationship Id="rId1" Type="http://schemas.openxmlformats.org/officeDocument/2006/relationships/tags" Target="../tags/tag190.xml"/><Relationship Id="rId6" Type="http://schemas.openxmlformats.org/officeDocument/2006/relationships/notesSlide" Target="../notesSlides/notesSlide23.xml"/><Relationship Id="rId5" Type="http://schemas.openxmlformats.org/officeDocument/2006/relationships/slideLayout" Target="../slideLayouts/slideLayout6.xml"/><Relationship Id="rId4" Type="http://schemas.openxmlformats.org/officeDocument/2006/relationships/tags" Target="../tags/tag193.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95.xml"/><Relationship Id="rId1" Type="http://schemas.openxmlformats.org/officeDocument/2006/relationships/tags" Target="../tags/tag194.xml"/><Relationship Id="rId5" Type="http://schemas.openxmlformats.org/officeDocument/2006/relationships/image" Target="../media/image17.jpg"/><Relationship Id="rId4" Type="http://schemas.openxmlformats.org/officeDocument/2006/relationships/notesSlide" Target="../notesSlides/notesSlide24.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5.xml"/><Relationship Id="rId1" Type="http://schemas.openxmlformats.org/officeDocument/2006/relationships/tags" Target="../tags/tag196.xml"/></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tags" Target="../tags/tag122.xml"/><Relationship Id="rId1" Type="http://schemas.openxmlformats.org/officeDocument/2006/relationships/tags" Target="../tags/tag121.xml"/><Relationship Id="rId5" Type="http://schemas.openxmlformats.org/officeDocument/2006/relationships/image" Target="../media/image15.png"/><Relationship Id="rId4" Type="http://schemas.openxmlformats.org/officeDocument/2006/relationships/notesSlide" Target="../notesSlides/notesSlide2.xml"/></Relationships>
</file>

<file path=ppt/slides/_rels/slide4.xml.rels><?xml version="1.0" encoding="UTF-8" standalone="yes"?>
<Relationships xmlns="http://schemas.openxmlformats.org/package/2006/relationships"><Relationship Id="rId3" Type="http://schemas.openxmlformats.org/officeDocument/2006/relationships/tags" Target="../tags/tag125.xml"/><Relationship Id="rId2" Type="http://schemas.openxmlformats.org/officeDocument/2006/relationships/tags" Target="../tags/tag124.xml"/><Relationship Id="rId1" Type="http://schemas.openxmlformats.org/officeDocument/2006/relationships/tags" Target="../tags/tag123.xml"/><Relationship Id="rId5" Type="http://schemas.openxmlformats.org/officeDocument/2006/relationships/notesSlide" Target="../notesSlides/notesSlide3.xml"/><Relationship Id="rId4"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3" Type="http://schemas.openxmlformats.org/officeDocument/2006/relationships/tags" Target="../tags/tag128.xml"/><Relationship Id="rId2" Type="http://schemas.openxmlformats.org/officeDocument/2006/relationships/tags" Target="../tags/tag127.xml"/><Relationship Id="rId1" Type="http://schemas.openxmlformats.org/officeDocument/2006/relationships/tags" Target="../tags/tag126.xml"/><Relationship Id="rId5" Type="http://schemas.openxmlformats.org/officeDocument/2006/relationships/notesSlide" Target="../notesSlides/notesSlide4.xml"/><Relationship Id="rId4"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tags" Target="../tags/tag131.xml"/><Relationship Id="rId2" Type="http://schemas.openxmlformats.org/officeDocument/2006/relationships/tags" Target="../tags/tag130.xml"/><Relationship Id="rId1" Type="http://schemas.openxmlformats.org/officeDocument/2006/relationships/tags" Target="../tags/tag129.xml"/><Relationship Id="rId5" Type="http://schemas.openxmlformats.org/officeDocument/2006/relationships/notesSlide" Target="../notesSlides/notesSlide5.xml"/><Relationship Id="rId4"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3" Type="http://schemas.openxmlformats.org/officeDocument/2006/relationships/tags" Target="../tags/tag134.xml"/><Relationship Id="rId2" Type="http://schemas.openxmlformats.org/officeDocument/2006/relationships/tags" Target="../tags/tag133.xml"/><Relationship Id="rId1" Type="http://schemas.openxmlformats.org/officeDocument/2006/relationships/tags" Target="../tags/tag132.xml"/><Relationship Id="rId5" Type="http://schemas.openxmlformats.org/officeDocument/2006/relationships/notesSlide" Target="../notesSlides/notesSlide6.xml"/><Relationship Id="rId4"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tags" Target="../tags/tag137.xml"/><Relationship Id="rId2" Type="http://schemas.openxmlformats.org/officeDocument/2006/relationships/tags" Target="../tags/tag136.xml"/><Relationship Id="rId1" Type="http://schemas.openxmlformats.org/officeDocument/2006/relationships/tags" Target="../tags/tag135.xml"/><Relationship Id="rId5" Type="http://schemas.openxmlformats.org/officeDocument/2006/relationships/notesSlide" Target="../notesSlides/notesSlide7.xml"/><Relationship Id="rId4"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tags" Target="../tags/tag140.xml"/><Relationship Id="rId2" Type="http://schemas.openxmlformats.org/officeDocument/2006/relationships/tags" Target="../tags/tag139.xml"/><Relationship Id="rId1" Type="http://schemas.openxmlformats.org/officeDocument/2006/relationships/tags" Target="../tags/tag138.xml"/><Relationship Id="rId5" Type="http://schemas.openxmlformats.org/officeDocument/2006/relationships/notesSlide" Target="../notesSlides/notesSlide8.xml"/><Relationship Id="rId4"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Bildplatzhalter 1"/>
          <p:cNvSpPr>
            <a:spLocks noGrp="1"/>
          </p:cNvSpPr>
          <p:nvPr>
            <p:ph type="pic" sz="quarter" idx="11"/>
          </p:nvPr>
        </p:nvSpPr>
        <p:spPr/>
      </p:sp>
      <p:sp>
        <p:nvSpPr>
          <p:cNvPr id="3" name="Textfeld 2"/>
          <p:cNvSpPr txBox="1"/>
          <p:nvPr>
            <p:custDataLst>
              <p:tags r:id="rId1"/>
            </p:custDataLst>
          </p:nvPr>
        </p:nvSpPr>
        <p:spPr>
          <a:xfrm>
            <a:off x="4912178" y="1"/>
            <a:ext cx="4210050" cy="2159998"/>
          </a:xfrm>
          <a:prstGeom prst="rect">
            <a:avLst/>
          </a:prstGeom>
          <a:gradFill>
            <a:gsLst>
              <a:gs pos="38000">
                <a:schemeClr val="tx1"/>
              </a:gs>
              <a:gs pos="73000">
                <a:schemeClr val="tx1">
                  <a:alpha val="0"/>
                </a:schemeClr>
              </a:gs>
            </a:gsLst>
            <a:lin ang="10800000" scaled="0"/>
          </a:gradFill>
        </p:spPr>
        <p:txBody>
          <a:bodyPr wrap="square" lIns="0" tIns="396000" rIns="324000" bIns="0" rtlCol="0">
            <a:noAutofit/>
          </a:bodyPr>
          <a:lstStyle/>
          <a:p>
            <a:pPr algn="r"/>
            <a:r>
              <a:rPr lang="de-CH" sz="2400" cap="all" dirty="0">
                <a:solidFill>
                  <a:srgbClr val="FFFFFF"/>
                </a:solidFill>
              </a:rPr>
              <a:t>Bildungs- und Kulturdirektion</a:t>
            </a:r>
          </a:p>
        </p:txBody>
      </p:sp>
    </p:spTree>
    <p:extLst>
      <p:ext uri="{BB962C8B-B14F-4D97-AF65-F5344CB8AC3E}">
        <p14:creationId xmlns:p14="http://schemas.microsoft.com/office/powerpoint/2010/main" val="1054819432"/>
      </p:ext>
    </p:extLst>
  </p:cSld>
  <p:clrMapOvr>
    <a:masterClrMapping/>
  </p:clrMapOvr>
  <p:transition spd="med">
    <p:pull/>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21 Kantone - ein Lehrpla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10</a:t>
            </a:fld>
            <a:endParaRPr lang="de-CH" dirty="0"/>
          </a:p>
        </p:txBody>
      </p:sp>
      <p:sp>
        <p:nvSpPr>
          <p:cNvPr id="5" name="Textplatzhalter 4"/>
          <p:cNvSpPr>
            <a:spLocks noGrp="1"/>
          </p:cNvSpPr>
          <p:nvPr>
            <p:ph type="body" sz="quarter" idx="14"/>
          </p:nvPr>
        </p:nvSpPr>
        <p:spPr/>
        <p:txBody>
          <a:bodyPr/>
          <a:lstStyle/>
          <a:p>
            <a:endParaRPr lang="de-CH" dirty="0"/>
          </a:p>
        </p:txBody>
      </p:sp>
      <p:grpSp>
        <p:nvGrpSpPr>
          <p:cNvPr id="6" name="Gruppieren 1"/>
          <p:cNvGrpSpPr>
            <a:grpSpLocks/>
          </p:cNvGrpSpPr>
          <p:nvPr/>
        </p:nvGrpSpPr>
        <p:grpSpPr bwMode="auto">
          <a:xfrm>
            <a:off x="1101358" y="1421403"/>
            <a:ext cx="6912768" cy="4455869"/>
            <a:chOff x="395288" y="1628775"/>
            <a:chExt cx="8208962" cy="5167313"/>
          </a:xfrm>
        </p:grpSpPr>
        <p:sp>
          <p:nvSpPr>
            <p:cNvPr id="7" name="Freeform 95"/>
            <p:cNvSpPr>
              <a:spLocks/>
            </p:cNvSpPr>
            <p:nvPr/>
          </p:nvSpPr>
          <p:spPr bwMode="auto">
            <a:xfrm>
              <a:off x="4803775" y="1651000"/>
              <a:ext cx="596900" cy="387350"/>
            </a:xfrm>
            <a:custGeom>
              <a:avLst/>
              <a:gdLst>
                <a:gd name="T0" fmla="*/ 2147483647 w 287"/>
                <a:gd name="T1" fmla="*/ 2147483647 h 185"/>
                <a:gd name="T2" fmla="*/ 2147483647 w 287"/>
                <a:gd name="T3" fmla="*/ 2147483647 h 185"/>
                <a:gd name="T4" fmla="*/ 2147483647 w 287"/>
                <a:gd name="T5" fmla="*/ 2147483647 h 185"/>
                <a:gd name="T6" fmla="*/ 2147483647 w 287"/>
                <a:gd name="T7" fmla="*/ 2147483647 h 185"/>
                <a:gd name="T8" fmla="*/ 2147483647 w 287"/>
                <a:gd name="T9" fmla="*/ 2147483647 h 185"/>
                <a:gd name="T10" fmla="*/ 0 w 287"/>
                <a:gd name="T11" fmla="*/ 2147483647 h 185"/>
                <a:gd name="T12" fmla="*/ 2147483647 w 287"/>
                <a:gd name="T13" fmla="*/ 2147483647 h 185"/>
                <a:gd name="T14" fmla="*/ 2147483647 w 287"/>
                <a:gd name="T15" fmla="*/ 2147483647 h 185"/>
                <a:gd name="T16" fmla="*/ 2147483647 w 287"/>
                <a:gd name="T17" fmla="*/ 2147483647 h 185"/>
                <a:gd name="T18" fmla="*/ 2147483647 w 287"/>
                <a:gd name="T19" fmla="*/ 2147483647 h 185"/>
                <a:gd name="T20" fmla="*/ 2147483647 w 287"/>
                <a:gd name="T21" fmla="*/ 0 h 185"/>
                <a:gd name="T22" fmla="*/ 2147483647 w 287"/>
                <a:gd name="T23" fmla="*/ 0 h 185"/>
                <a:gd name="T24" fmla="*/ 2147483647 w 287"/>
                <a:gd name="T25" fmla="*/ 2147483647 h 185"/>
                <a:gd name="T26" fmla="*/ 2147483647 w 287"/>
                <a:gd name="T27" fmla="*/ 2147483647 h 185"/>
                <a:gd name="T28" fmla="*/ 2147483647 w 287"/>
                <a:gd name="T29" fmla="*/ 2147483647 h 185"/>
                <a:gd name="T30" fmla="*/ 2147483647 w 287"/>
                <a:gd name="T31" fmla="*/ 2147483647 h 18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87"/>
                <a:gd name="T49" fmla="*/ 0 h 185"/>
                <a:gd name="T50" fmla="*/ 287 w 287"/>
                <a:gd name="T51" fmla="*/ 185 h 185"/>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87" h="185">
                  <a:moveTo>
                    <a:pt x="269" y="120"/>
                  </a:moveTo>
                  <a:lnTo>
                    <a:pt x="225" y="120"/>
                  </a:lnTo>
                  <a:lnTo>
                    <a:pt x="165" y="160"/>
                  </a:lnTo>
                  <a:lnTo>
                    <a:pt x="104" y="168"/>
                  </a:lnTo>
                  <a:lnTo>
                    <a:pt x="52" y="184"/>
                  </a:lnTo>
                  <a:lnTo>
                    <a:pt x="0" y="136"/>
                  </a:lnTo>
                  <a:lnTo>
                    <a:pt x="43" y="64"/>
                  </a:lnTo>
                  <a:lnTo>
                    <a:pt x="78" y="24"/>
                  </a:lnTo>
                  <a:lnTo>
                    <a:pt x="121" y="16"/>
                  </a:lnTo>
                  <a:lnTo>
                    <a:pt x="173" y="8"/>
                  </a:lnTo>
                  <a:lnTo>
                    <a:pt x="182" y="0"/>
                  </a:lnTo>
                  <a:lnTo>
                    <a:pt x="217" y="0"/>
                  </a:lnTo>
                  <a:lnTo>
                    <a:pt x="286" y="56"/>
                  </a:lnTo>
                  <a:lnTo>
                    <a:pt x="286" y="80"/>
                  </a:lnTo>
                  <a:lnTo>
                    <a:pt x="277" y="104"/>
                  </a:lnTo>
                  <a:lnTo>
                    <a:pt x="269" y="120"/>
                  </a:lnTo>
                </a:path>
              </a:pathLst>
            </a:custGeom>
            <a:solidFill>
              <a:srgbClr val="CBCBCB"/>
            </a:solidFill>
            <a:ln w="12700" cap="rnd">
              <a:solidFill>
                <a:schemeClr val="bg1"/>
              </a:solidFill>
              <a:round/>
              <a:headEnd/>
              <a:tailEnd/>
            </a:ln>
          </p:spPr>
          <p:txBody>
            <a:bodyPr/>
            <a:lstStyle/>
            <a:p>
              <a:endParaRPr lang="de-CH" dirty="0"/>
            </a:p>
          </p:txBody>
        </p:sp>
        <p:grpSp>
          <p:nvGrpSpPr>
            <p:cNvPr id="8" name="Group 40"/>
            <p:cNvGrpSpPr>
              <a:grpSpLocks/>
            </p:cNvGrpSpPr>
            <p:nvPr/>
          </p:nvGrpSpPr>
          <p:grpSpPr bwMode="auto">
            <a:xfrm>
              <a:off x="814388" y="1628775"/>
              <a:ext cx="6338887" cy="5167313"/>
              <a:chOff x="513" y="692"/>
              <a:chExt cx="3993" cy="3255"/>
            </a:xfrm>
          </p:grpSpPr>
          <p:sp>
            <p:nvSpPr>
              <p:cNvPr id="100" name="Freeform 121" descr="Blaues Seidenpapier"/>
              <p:cNvSpPr>
                <a:spLocks/>
              </p:cNvSpPr>
              <p:nvPr/>
            </p:nvSpPr>
            <p:spPr bwMode="auto">
              <a:xfrm>
                <a:off x="3608" y="692"/>
                <a:ext cx="898" cy="486"/>
              </a:xfrm>
              <a:custGeom>
                <a:avLst/>
                <a:gdLst>
                  <a:gd name="T0" fmla="*/ 2147483647 w 686"/>
                  <a:gd name="T1" fmla="*/ 2147483647 h 369"/>
                  <a:gd name="T2" fmla="*/ 2147483647 w 686"/>
                  <a:gd name="T3" fmla="*/ 2147483647 h 369"/>
                  <a:gd name="T4" fmla="*/ 2147483647 w 686"/>
                  <a:gd name="T5" fmla="*/ 2147483647 h 369"/>
                  <a:gd name="T6" fmla="*/ 2147483647 w 686"/>
                  <a:gd name="T7" fmla="*/ 2147483647 h 369"/>
                  <a:gd name="T8" fmla="*/ 2147483647 w 686"/>
                  <a:gd name="T9" fmla="*/ 2147483647 h 369"/>
                  <a:gd name="T10" fmla="*/ 2147483647 w 686"/>
                  <a:gd name="T11" fmla="*/ 2147483647 h 369"/>
                  <a:gd name="T12" fmla="*/ 2147483647 w 686"/>
                  <a:gd name="T13" fmla="*/ 2147483647 h 369"/>
                  <a:gd name="T14" fmla="*/ 2147483647 w 686"/>
                  <a:gd name="T15" fmla="*/ 2147483647 h 369"/>
                  <a:gd name="T16" fmla="*/ 2147483647 w 686"/>
                  <a:gd name="T17" fmla="*/ 2147483647 h 369"/>
                  <a:gd name="T18" fmla="*/ 2147483647 w 686"/>
                  <a:gd name="T19" fmla="*/ 2147483647 h 369"/>
                  <a:gd name="T20" fmla="*/ 2147483647 w 686"/>
                  <a:gd name="T21" fmla="*/ 2147483647 h 369"/>
                  <a:gd name="T22" fmla="*/ 2147483647 w 686"/>
                  <a:gd name="T23" fmla="*/ 2147483647 h 369"/>
                  <a:gd name="T24" fmla="*/ 2147483647 w 686"/>
                  <a:gd name="T25" fmla="*/ 2147483647 h 369"/>
                  <a:gd name="T26" fmla="*/ 2147483647 w 686"/>
                  <a:gd name="T27" fmla="*/ 2147483647 h 369"/>
                  <a:gd name="T28" fmla="*/ 2147483647 w 686"/>
                  <a:gd name="T29" fmla="*/ 2147483647 h 369"/>
                  <a:gd name="T30" fmla="*/ 2147483647 w 686"/>
                  <a:gd name="T31" fmla="*/ 2147483647 h 369"/>
                  <a:gd name="T32" fmla="*/ 2147483647 w 686"/>
                  <a:gd name="T33" fmla="*/ 2147483647 h 369"/>
                  <a:gd name="T34" fmla="*/ 2147483647 w 686"/>
                  <a:gd name="T35" fmla="*/ 2147483647 h 369"/>
                  <a:gd name="T36" fmla="*/ 2147483647 w 686"/>
                  <a:gd name="T37" fmla="*/ 2147483647 h 369"/>
                  <a:gd name="T38" fmla="*/ 2147483647 w 686"/>
                  <a:gd name="T39" fmla="*/ 2147483647 h 369"/>
                  <a:gd name="T40" fmla="*/ 2147483647 w 686"/>
                  <a:gd name="T41" fmla="*/ 2147483647 h 369"/>
                  <a:gd name="T42" fmla="*/ 2147483647 w 686"/>
                  <a:gd name="T43" fmla="*/ 2147483647 h 369"/>
                  <a:gd name="T44" fmla="*/ 2147483647 w 686"/>
                  <a:gd name="T45" fmla="*/ 2147483647 h 369"/>
                  <a:gd name="T46" fmla="*/ 2147483647 w 686"/>
                  <a:gd name="T47" fmla="*/ 2147483647 h 369"/>
                  <a:gd name="T48" fmla="*/ 2147483647 w 686"/>
                  <a:gd name="T49" fmla="*/ 2147483647 h 369"/>
                  <a:gd name="T50" fmla="*/ 2147483647 w 686"/>
                  <a:gd name="T51" fmla="*/ 2147483647 h 369"/>
                  <a:gd name="T52" fmla="*/ 2147483647 w 686"/>
                  <a:gd name="T53" fmla="*/ 0 h 369"/>
                  <a:gd name="T54" fmla="*/ 2147483647 w 686"/>
                  <a:gd name="T55" fmla="*/ 2147483647 h 369"/>
                  <a:gd name="T56" fmla="*/ 2147483647 w 686"/>
                  <a:gd name="T57" fmla="*/ 2147483647 h 369"/>
                  <a:gd name="T58" fmla="*/ 2147483647 w 686"/>
                  <a:gd name="T59" fmla="*/ 2147483647 h 369"/>
                  <a:gd name="T60" fmla="*/ 2147483647 w 686"/>
                  <a:gd name="T61" fmla="*/ 2147483647 h 369"/>
                  <a:gd name="T62" fmla="*/ 2147483647 w 686"/>
                  <a:gd name="T63" fmla="*/ 2147483647 h 369"/>
                  <a:gd name="T64" fmla="*/ 2147483647 w 686"/>
                  <a:gd name="T65" fmla="*/ 2147483647 h 369"/>
                  <a:gd name="T66" fmla="*/ 2147483647 w 686"/>
                  <a:gd name="T67" fmla="*/ 2147483647 h 369"/>
                  <a:gd name="T68" fmla="*/ 2147483647 w 686"/>
                  <a:gd name="T69" fmla="*/ 2147483647 h 369"/>
                  <a:gd name="T70" fmla="*/ 2147483647 w 686"/>
                  <a:gd name="T71" fmla="*/ 2147483647 h 369"/>
                  <a:gd name="T72" fmla="*/ 2147483647 w 686"/>
                  <a:gd name="T73" fmla="*/ 2147483647 h 369"/>
                  <a:gd name="T74" fmla="*/ 2147483647 w 686"/>
                  <a:gd name="T75" fmla="*/ 2147483647 h 369"/>
                  <a:gd name="T76" fmla="*/ 2147483647 w 686"/>
                  <a:gd name="T77" fmla="*/ 2147483647 h 369"/>
                  <a:gd name="T78" fmla="*/ 2147483647 w 686"/>
                  <a:gd name="T79" fmla="*/ 2147483647 h 369"/>
                  <a:gd name="T80" fmla="*/ 2147483647 w 686"/>
                  <a:gd name="T81" fmla="*/ 2147483647 h 369"/>
                  <a:gd name="T82" fmla="*/ 2147483647 w 686"/>
                  <a:gd name="T83" fmla="*/ 2147483647 h 369"/>
                  <a:gd name="T84" fmla="*/ 2147483647 w 686"/>
                  <a:gd name="T85" fmla="*/ 2147483647 h 369"/>
                  <a:gd name="T86" fmla="*/ 0 w 686"/>
                  <a:gd name="T87" fmla="*/ 2147483647 h 369"/>
                  <a:gd name="T88" fmla="*/ 2147483647 w 686"/>
                  <a:gd name="T89" fmla="*/ 2147483647 h 369"/>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86"/>
                  <a:gd name="T136" fmla="*/ 0 h 369"/>
                  <a:gd name="T137" fmla="*/ 686 w 686"/>
                  <a:gd name="T138" fmla="*/ 369 h 369"/>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86" h="369">
                    <a:moveTo>
                      <a:pt x="17" y="184"/>
                    </a:moveTo>
                    <a:lnTo>
                      <a:pt x="69" y="152"/>
                    </a:lnTo>
                    <a:lnTo>
                      <a:pt x="121" y="144"/>
                    </a:lnTo>
                    <a:lnTo>
                      <a:pt x="165" y="144"/>
                    </a:lnTo>
                    <a:lnTo>
                      <a:pt x="217" y="160"/>
                    </a:lnTo>
                    <a:lnTo>
                      <a:pt x="277" y="200"/>
                    </a:lnTo>
                    <a:lnTo>
                      <a:pt x="347" y="224"/>
                    </a:lnTo>
                    <a:lnTo>
                      <a:pt x="382" y="272"/>
                    </a:lnTo>
                    <a:lnTo>
                      <a:pt x="408" y="312"/>
                    </a:lnTo>
                    <a:lnTo>
                      <a:pt x="460" y="336"/>
                    </a:lnTo>
                    <a:lnTo>
                      <a:pt x="494" y="368"/>
                    </a:lnTo>
                    <a:lnTo>
                      <a:pt x="546" y="360"/>
                    </a:lnTo>
                    <a:lnTo>
                      <a:pt x="590" y="344"/>
                    </a:lnTo>
                    <a:lnTo>
                      <a:pt x="607" y="336"/>
                    </a:lnTo>
                    <a:lnTo>
                      <a:pt x="633" y="352"/>
                    </a:lnTo>
                    <a:lnTo>
                      <a:pt x="668" y="328"/>
                    </a:lnTo>
                    <a:lnTo>
                      <a:pt x="685" y="320"/>
                    </a:lnTo>
                    <a:lnTo>
                      <a:pt x="642" y="256"/>
                    </a:lnTo>
                    <a:lnTo>
                      <a:pt x="546" y="240"/>
                    </a:lnTo>
                    <a:lnTo>
                      <a:pt x="486" y="224"/>
                    </a:lnTo>
                    <a:lnTo>
                      <a:pt x="434" y="168"/>
                    </a:lnTo>
                    <a:lnTo>
                      <a:pt x="390" y="144"/>
                    </a:lnTo>
                    <a:lnTo>
                      <a:pt x="303" y="136"/>
                    </a:lnTo>
                    <a:lnTo>
                      <a:pt x="243" y="104"/>
                    </a:lnTo>
                    <a:lnTo>
                      <a:pt x="217" y="72"/>
                    </a:lnTo>
                    <a:lnTo>
                      <a:pt x="173" y="32"/>
                    </a:lnTo>
                    <a:lnTo>
                      <a:pt x="130" y="0"/>
                    </a:lnTo>
                    <a:lnTo>
                      <a:pt x="113" y="16"/>
                    </a:lnTo>
                    <a:lnTo>
                      <a:pt x="121" y="32"/>
                    </a:lnTo>
                    <a:lnTo>
                      <a:pt x="147" y="48"/>
                    </a:lnTo>
                    <a:lnTo>
                      <a:pt x="182" y="80"/>
                    </a:lnTo>
                    <a:lnTo>
                      <a:pt x="217" y="104"/>
                    </a:lnTo>
                    <a:lnTo>
                      <a:pt x="191" y="128"/>
                    </a:lnTo>
                    <a:lnTo>
                      <a:pt x="165" y="120"/>
                    </a:lnTo>
                    <a:lnTo>
                      <a:pt x="130" y="96"/>
                    </a:lnTo>
                    <a:lnTo>
                      <a:pt x="78" y="72"/>
                    </a:lnTo>
                    <a:lnTo>
                      <a:pt x="43" y="72"/>
                    </a:lnTo>
                    <a:lnTo>
                      <a:pt x="26" y="80"/>
                    </a:lnTo>
                    <a:lnTo>
                      <a:pt x="43" y="88"/>
                    </a:lnTo>
                    <a:lnTo>
                      <a:pt x="69" y="96"/>
                    </a:lnTo>
                    <a:lnTo>
                      <a:pt x="87" y="128"/>
                    </a:lnTo>
                    <a:lnTo>
                      <a:pt x="43" y="144"/>
                    </a:lnTo>
                    <a:lnTo>
                      <a:pt x="17" y="160"/>
                    </a:lnTo>
                    <a:lnTo>
                      <a:pt x="0" y="168"/>
                    </a:lnTo>
                    <a:lnTo>
                      <a:pt x="17" y="184"/>
                    </a:lnTo>
                  </a:path>
                </a:pathLst>
              </a:custGeom>
              <a:solidFill>
                <a:srgbClr val="99CCFF"/>
              </a:solidFill>
              <a:ln w="12700" cap="rnd">
                <a:solidFill>
                  <a:schemeClr val="bg1"/>
                </a:solidFill>
                <a:round/>
                <a:headEnd/>
                <a:tailEnd/>
              </a:ln>
            </p:spPr>
            <p:txBody>
              <a:bodyPr/>
              <a:lstStyle/>
              <a:p>
                <a:endParaRPr lang="de-CH" dirty="0"/>
              </a:p>
            </p:txBody>
          </p:sp>
          <p:sp>
            <p:nvSpPr>
              <p:cNvPr id="101" name="Freeform 122" descr="Blaues Seidenpapier"/>
              <p:cNvSpPr>
                <a:spLocks/>
              </p:cNvSpPr>
              <p:nvPr/>
            </p:nvSpPr>
            <p:spPr bwMode="auto">
              <a:xfrm>
                <a:off x="3212" y="3293"/>
                <a:ext cx="454" cy="654"/>
              </a:xfrm>
              <a:custGeom>
                <a:avLst/>
                <a:gdLst>
                  <a:gd name="T0" fmla="*/ 2147483647 w 347"/>
                  <a:gd name="T1" fmla="*/ 2147483647 h 497"/>
                  <a:gd name="T2" fmla="*/ 2147483647 w 347"/>
                  <a:gd name="T3" fmla="*/ 2147483647 h 497"/>
                  <a:gd name="T4" fmla="*/ 2147483647 w 347"/>
                  <a:gd name="T5" fmla="*/ 2147483647 h 497"/>
                  <a:gd name="T6" fmla="*/ 2147483647 w 347"/>
                  <a:gd name="T7" fmla="*/ 0 h 497"/>
                  <a:gd name="T8" fmla="*/ 2147483647 w 347"/>
                  <a:gd name="T9" fmla="*/ 0 h 497"/>
                  <a:gd name="T10" fmla="*/ 2147483647 w 347"/>
                  <a:gd name="T11" fmla="*/ 2147483647 h 497"/>
                  <a:gd name="T12" fmla="*/ 2147483647 w 347"/>
                  <a:gd name="T13" fmla="*/ 2147483647 h 497"/>
                  <a:gd name="T14" fmla="*/ 2147483647 w 347"/>
                  <a:gd name="T15" fmla="*/ 2147483647 h 497"/>
                  <a:gd name="T16" fmla="*/ 2147483647 w 347"/>
                  <a:gd name="T17" fmla="*/ 2147483647 h 497"/>
                  <a:gd name="T18" fmla="*/ 2147483647 w 347"/>
                  <a:gd name="T19" fmla="*/ 2147483647 h 497"/>
                  <a:gd name="T20" fmla="*/ 2147483647 w 347"/>
                  <a:gd name="T21" fmla="*/ 2147483647 h 497"/>
                  <a:gd name="T22" fmla="*/ 2147483647 w 347"/>
                  <a:gd name="T23" fmla="*/ 2147483647 h 497"/>
                  <a:gd name="T24" fmla="*/ 2147483647 w 347"/>
                  <a:gd name="T25" fmla="*/ 2147483647 h 497"/>
                  <a:gd name="T26" fmla="*/ 2147483647 w 347"/>
                  <a:gd name="T27" fmla="*/ 2147483647 h 497"/>
                  <a:gd name="T28" fmla="*/ 2147483647 w 347"/>
                  <a:gd name="T29" fmla="*/ 2147483647 h 497"/>
                  <a:gd name="T30" fmla="*/ 2147483647 w 347"/>
                  <a:gd name="T31" fmla="*/ 2147483647 h 497"/>
                  <a:gd name="T32" fmla="*/ 0 w 347"/>
                  <a:gd name="T33" fmla="*/ 2147483647 h 497"/>
                  <a:gd name="T34" fmla="*/ 2147483647 w 347"/>
                  <a:gd name="T35" fmla="*/ 2147483647 h 497"/>
                  <a:gd name="T36" fmla="*/ 2147483647 w 347"/>
                  <a:gd name="T37" fmla="*/ 2147483647 h 497"/>
                  <a:gd name="T38" fmla="*/ 2147483647 w 347"/>
                  <a:gd name="T39" fmla="*/ 2147483647 h 497"/>
                  <a:gd name="T40" fmla="*/ 2147483647 w 347"/>
                  <a:gd name="T41" fmla="*/ 2147483647 h 497"/>
                  <a:gd name="T42" fmla="*/ 2147483647 w 347"/>
                  <a:gd name="T43" fmla="*/ 2147483647 h 497"/>
                  <a:gd name="T44" fmla="*/ 2147483647 w 347"/>
                  <a:gd name="T45" fmla="*/ 2147483647 h 497"/>
                  <a:gd name="T46" fmla="*/ 2147483647 w 347"/>
                  <a:gd name="T47" fmla="*/ 2147483647 h 497"/>
                  <a:gd name="T48" fmla="*/ 2147483647 w 347"/>
                  <a:gd name="T49" fmla="*/ 2147483647 h 497"/>
                  <a:gd name="T50" fmla="*/ 2147483647 w 347"/>
                  <a:gd name="T51" fmla="*/ 2147483647 h 497"/>
                  <a:gd name="T52" fmla="*/ 2147483647 w 347"/>
                  <a:gd name="T53" fmla="*/ 2147483647 h 497"/>
                  <a:gd name="T54" fmla="*/ 2147483647 w 347"/>
                  <a:gd name="T55" fmla="*/ 2147483647 h 497"/>
                  <a:gd name="T56" fmla="*/ 2147483647 w 347"/>
                  <a:gd name="T57" fmla="*/ 2147483647 h 497"/>
                  <a:gd name="T58" fmla="*/ 2147483647 w 347"/>
                  <a:gd name="T59" fmla="*/ 2147483647 h 497"/>
                  <a:gd name="T60" fmla="*/ 2147483647 w 347"/>
                  <a:gd name="T61" fmla="*/ 2147483647 h 497"/>
                  <a:gd name="T62" fmla="*/ 2147483647 w 347"/>
                  <a:gd name="T63" fmla="*/ 2147483647 h 497"/>
                  <a:gd name="T64" fmla="*/ 2147483647 w 347"/>
                  <a:gd name="T65" fmla="*/ 2147483647 h 497"/>
                  <a:gd name="T66" fmla="*/ 2147483647 w 347"/>
                  <a:gd name="T67" fmla="*/ 2147483647 h 497"/>
                  <a:gd name="T68" fmla="*/ 2147483647 w 347"/>
                  <a:gd name="T69" fmla="*/ 2147483647 h 497"/>
                  <a:gd name="T70" fmla="*/ 2147483647 w 347"/>
                  <a:gd name="T71" fmla="*/ 2147483647 h 497"/>
                  <a:gd name="T72" fmla="*/ 2147483647 w 347"/>
                  <a:gd name="T73" fmla="*/ 2147483647 h 497"/>
                  <a:gd name="T74" fmla="*/ 2147483647 w 347"/>
                  <a:gd name="T75" fmla="*/ 2147483647 h 497"/>
                  <a:gd name="T76" fmla="*/ 2147483647 w 347"/>
                  <a:gd name="T77" fmla="*/ 2147483647 h 497"/>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347"/>
                  <a:gd name="T118" fmla="*/ 0 h 497"/>
                  <a:gd name="T119" fmla="*/ 347 w 347"/>
                  <a:gd name="T120" fmla="*/ 497 h 497"/>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347" h="497">
                    <a:moveTo>
                      <a:pt x="294" y="40"/>
                    </a:moveTo>
                    <a:lnTo>
                      <a:pt x="329" y="32"/>
                    </a:lnTo>
                    <a:lnTo>
                      <a:pt x="346" y="16"/>
                    </a:lnTo>
                    <a:lnTo>
                      <a:pt x="311" y="0"/>
                    </a:lnTo>
                    <a:lnTo>
                      <a:pt x="303" y="0"/>
                    </a:lnTo>
                    <a:lnTo>
                      <a:pt x="277" y="16"/>
                    </a:lnTo>
                    <a:lnTo>
                      <a:pt x="268" y="8"/>
                    </a:lnTo>
                    <a:lnTo>
                      <a:pt x="251" y="8"/>
                    </a:lnTo>
                    <a:lnTo>
                      <a:pt x="225" y="24"/>
                    </a:lnTo>
                    <a:lnTo>
                      <a:pt x="199" y="40"/>
                    </a:lnTo>
                    <a:lnTo>
                      <a:pt x="182" y="64"/>
                    </a:lnTo>
                    <a:lnTo>
                      <a:pt x="182" y="128"/>
                    </a:lnTo>
                    <a:lnTo>
                      <a:pt x="130" y="176"/>
                    </a:lnTo>
                    <a:lnTo>
                      <a:pt x="78" y="232"/>
                    </a:lnTo>
                    <a:lnTo>
                      <a:pt x="52" y="232"/>
                    </a:lnTo>
                    <a:lnTo>
                      <a:pt x="26" y="200"/>
                    </a:lnTo>
                    <a:lnTo>
                      <a:pt x="0" y="216"/>
                    </a:lnTo>
                    <a:lnTo>
                      <a:pt x="9" y="248"/>
                    </a:lnTo>
                    <a:lnTo>
                      <a:pt x="69" y="296"/>
                    </a:lnTo>
                    <a:lnTo>
                      <a:pt x="69" y="328"/>
                    </a:lnTo>
                    <a:lnTo>
                      <a:pt x="43" y="360"/>
                    </a:lnTo>
                    <a:lnTo>
                      <a:pt x="52" y="424"/>
                    </a:lnTo>
                    <a:lnTo>
                      <a:pt x="69" y="488"/>
                    </a:lnTo>
                    <a:lnTo>
                      <a:pt x="87" y="496"/>
                    </a:lnTo>
                    <a:lnTo>
                      <a:pt x="112" y="488"/>
                    </a:lnTo>
                    <a:lnTo>
                      <a:pt x="95" y="456"/>
                    </a:lnTo>
                    <a:lnTo>
                      <a:pt x="78" y="408"/>
                    </a:lnTo>
                    <a:lnTo>
                      <a:pt x="95" y="376"/>
                    </a:lnTo>
                    <a:lnTo>
                      <a:pt x="112" y="376"/>
                    </a:lnTo>
                    <a:lnTo>
                      <a:pt x="121" y="344"/>
                    </a:lnTo>
                    <a:lnTo>
                      <a:pt x="104" y="320"/>
                    </a:lnTo>
                    <a:lnTo>
                      <a:pt x="87" y="280"/>
                    </a:lnTo>
                    <a:lnTo>
                      <a:pt x="156" y="216"/>
                    </a:lnTo>
                    <a:lnTo>
                      <a:pt x="208" y="168"/>
                    </a:lnTo>
                    <a:lnTo>
                      <a:pt x="216" y="120"/>
                    </a:lnTo>
                    <a:lnTo>
                      <a:pt x="208" y="80"/>
                    </a:lnTo>
                    <a:lnTo>
                      <a:pt x="242" y="56"/>
                    </a:lnTo>
                    <a:lnTo>
                      <a:pt x="268" y="56"/>
                    </a:lnTo>
                    <a:lnTo>
                      <a:pt x="294" y="40"/>
                    </a:lnTo>
                  </a:path>
                </a:pathLst>
              </a:custGeom>
              <a:solidFill>
                <a:srgbClr val="99CCFF"/>
              </a:solidFill>
              <a:ln w="12700" cap="rnd">
                <a:solidFill>
                  <a:schemeClr val="bg1"/>
                </a:solidFill>
                <a:round/>
                <a:headEnd/>
                <a:tailEnd/>
              </a:ln>
            </p:spPr>
            <p:txBody>
              <a:bodyPr/>
              <a:lstStyle/>
              <a:p>
                <a:endParaRPr lang="de-CH" dirty="0"/>
              </a:p>
            </p:txBody>
          </p:sp>
          <p:sp>
            <p:nvSpPr>
              <p:cNvPr id="102" name="Freeform 123" descr="Blaues Seidenpapier"/>
              <p:cNvSpPr>
                <a:spLocks/>
              </p:cNvSpPr>
              <p:nvPr/>
            </p:nvSpPr>
            <p:spPr bwMode="auto">
              <a:xfrm>
                <a:off x="3643" y="3461"/>
                <a:ext cx="295" cy="212"/>
              </a:xfrm>
              <a:custGeom>
                <a:avLst/>
                <a:gdLst>
                  <a:gd name="T0" fmla="*/ 2147483647 w 226"/>
                  <a:gd name="T1" fmla="*/ 2147483647 h 161"/>
                  <a:gd name="T2" fmla="*/ 0 w 226"/>
                  <a:gd name="T3" fmla="*/ 2147483647 h 161"/>
                  <a:gd name="T4" fmla="*/ 2147483647 w 226"/>
                  <a:gd name="T5" fmla="*/ 2147483647 h 161"/>
                  <a:gd name="T6" fmla="*/ 2147483647 w 226"/>
                  <a:gd name="T7" fmla="*/ 2147483647 h 161"/>
                  <a:gd name="T8" fmla="*/ 2147483647 w 226"/>
                  <a:gd name="T9" fmla="*/ 2147483647 h 161"/>
                  <a:gd name="T10" fmla="*/ 2147483647 w 226"/>
                  <a:gd name="T11" fmla="*/ 2147483647 h 161"/>
                  <a:gd name="T12" fmla="*/ 2147483647 w 226"/>
                  <a:gd name="T13" fmla="*/ 2147483647 h 161"/>
                  <a:gd name="T14" fmla="*/ 2147483647 w 226"/>
                  <a:gd name="T15" fmla="*/ 2147483647 h 161"/>
                  <a:gd name="T16" fmla="*/ 2147483647 w 226"/>
                  <a:gd name="T17" fmla="*/ 2147483647 h 161"/>
                  <a:gd name="T18" fmla="*/ 2147483647 w 226"/>
                  <a:gd name="T19" fmla="*/ 2147483647 h 161"/>
                  <a:gd name="T20" fmla="*/ 2147483647 w 226"/>
                  <a:gd name="T21" fmla="*/ 2147483647 h 161"/>
                  <a:gd name="T22" fmla="*/ 2147483647 w 226"/>
                  <a:gd name="T23" fmla="*/ 2147483647 h 161"/>
                  <a:gd name="T24" fmla="*/ 2147483647 w 226"/>
                  <a:gd name="T25" fmla="*/ 2147483647 h 161"/>
                  <a:gd name="T26" fmla="*/ 2147483647 w 226"/>
                  <a:gd name="T27" fmla="*/ 0 h 161"/>
                  <a:gd name="T28" fmla="*/ 2147483647 w 226"/>
                  <a:gd name="T29" fmla="*/ 2147483647 h 161"/>
                  <a:gd name="T30" fmla="*/ 2147483647 w 226"/>
                  <a:gd name="T31" fmla="*/ 2147483647 h 161"/>
                  <a:gd name="T32" fmla="*/ 2147483647 w 226"/>
                  <a:gd name="T33" fmla="*/ 2147483647 h 161"/>
                  <a:gd name="T34" fmla="*/ 2147483647 w 226"/>
                  <a:gd name="T35" fmla="*/ 2147483647 h 161"/>
                  <a:gd name="T36" fmla="*/ 2147483647 w 226"/>
                  <a:gd name="T37" fmla="*/ 2147483647 h 161"/>
                  <a:gd name="T38" fmla="*/ 2147483647 w 226"/>
                  <a:gd name="T39" fmla="*/ 2147483647 h 161"/>
                  <a:gd name="T40" fmla="*/ 2147483647 w 226"/>
                  <a:gd name="T41" fmla="*/ 2147483647 h 161"/>
                  <a:gd name="T42" fmla="*/ 2147483647 w 226"/>
                  <a:gd name="T43" fmla="*/ 2147483647 h 161"/>
                  <a:gd name="T44" fmla="*/ 2147483647 w 226"/>
                  <a:gd name="T45" fmla="*/ 2147483647 h 161"/>
                  <a:gd name="T46" fmla="*/ 2147483647 w 226"/>
                  <a:gd name="T47" fmla="*/ 2147483647 h 161"/>
                  <a:gd name="T48" fmla="*/ 2147483647 w 226"/>
                  <a:gd name="T49" fmla="*/ 2147483647 h 161"/>
                  <a:gd name="T50" fmla="*/ 2147483647 w 226"/>
                  <a:gd name="T51" fmla="*/ 2147483647 h 161"/>
                  <a:gd name="T52" fmla="*/ 2147483647 w 226"/>
                  <a:gd name="T53" fmla="*/ 2147483647 h 161"/>
                  <a:gd name="T54" fmla="*/ 2147483647 w 226"/>
                  <a:gd name="T55" fmla="*/ 2147483647 h 161"/>
                  <a:gd name="T56" fmla="*/ 2147483647 w 226"/>
                  <a:gd name="T57" fmla="*/ 2147483647 h 161"/>
                  <a:gd name="T58" fmla="*/ 2147483647 w 226"/>
                  <a:gd name="T59" fmla="*/ 2147483647 h 161"/>
                  <a:gd name="T60" fmla="*/ 2147483647 w 226"/>
                  <a:gd name="T61" fmla="*/ 2147483647 h 161"/>
                  <a:gd name="T62" fmla="*/ 2147483647 w 226"/>
                  <a:gd name="T63" fmla="*/ 2147483647 h 161"/>
                  <a:gd name="T64" fmla="*/ 2147483647 w 226"/>
                  <a:gd name="T65" fmla="*/ 2147483647 h 161"/>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226"/>
                  <a:gd name="T100" fmla="*/ 0 h 161"/>
                  <a:gd name="T101" fmla="*/ 226 w 226"/>
                  <a:gd name="T102" fmla="*/ 161 h 161"/>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226" h="161">
                    <a:moveTo>
                      <a:pt x="9" y="64"/>
                    </a:moveTo>
                    <a:lnTo>
                      <a:pt x="0" y="32"/>
                    </a:lnTo>
                    <a:lnTo>
                      <a:pt x="17" y="24"/>
                    </a:lnTo>
                    <a:lnTo>
                      <a:pt x="17" y="64"/>
                    </a:lnTo>
                    <a:lnTo>
                      <a:pt x="26" y="64"/>
                    </a:lnTo>
                    <a:lnTo>
                      <a:pt x="35" y="96"/>
                    </a:lnTo>
                    <a:lnTo>
                      <a:pt x="43" y="112"/>
                    </a:lnTo>
                    <a:lnTo>
                      <a:pt x="61" y="104"/>
                    </a:lnTo>
                    <a:lnTo>
                      <a:pt x="61" y="56"/>
                    </a:lnTo>
                    <a:lnTo>
                      <a:pt x="69" y="24"/>
                    </a:lnTo>
                    <a:lnTo>
                      <a:pt x="95" y="16"/>
                    </a:lnTo>
                    <a:lnTo>
                      <a:pt x="138" y="8"/>
                    </a:lnTo>
                    <a:lnTo>
                      <a:pt x="173" y="8"/>
                    </a:lnTo>
                    <a:lnTo>
                      <a:pt x="199" y="0"/>
                    </a:lnTo>
                    <a:lnTo>
                      <a:pt x="225" y="8"/>
                    </a:lnTo>
                    <a:lnTo>
                      <a:pt x="208" y="24"/>
                    </a:lnTo>
                    <a:lnTo>
                      <a:pt x="182" y="24"/>
                    </a:lnTo>
                    <a:lnTo>
                      <a:pt x="147" y="32"/>
                    </a:lnTo>
                    <a:lnTo>
                      <a:pt x="113" y="40"/>
                    </a:lnTo>
                    <a:lnTo>
                      <a:pt x="87" y="48"/>
                    </a:lnTo>
                    <a:lnTo>
                      <a:pt x="78" y="72"/>
                    </a:lnTo>
                    <a:lnTo>
                      <a:pt x="87" y="104"/>
                    </a:lnTo>
                    <a:lnTo>
                      <a:pt x="104" y="128"/>
                    </a:lnTo>
                    <a:lnTo>
                      <a:pt x="104" y="152"/>
                    </a:lnTo>
                    <a:lnTo>
                      <a:pt x="87" y="152"/>
                    </a:lnTo>
                    <a:lnTo>
                      <a:pt x="78" y="136"/>
                    </a:lnTo>
                    <a:lnTo>
                      <a:pt x="69" y="120"/>
                    </a:lnTo>
                    <a:lnTo>
                      <a:pt x="61" y="136"/>
                    </a:lnTo>
                    <a:lnTo>
                      <a:pt x="61" y="152"/>
                    </a:lnTo>
                    <a:lnTo>
                      <a:pt x="43" y="160"/>
                    </a:lnTo>
                    <a:lnTo>
                      <a:pt x="17" y="120"/>
                    </a:lnTo>
                    <a:lnTo>
                      <a:pt x="17" y="96"/>
                    </a:lnTo>
                    <a:lnTo>
                      <a:pt x="9" y="64"/>
                    </a:lnTo>
                  </a:path>
                </a:pathLst>
              </a:custGeom>
              <a:solidFill>
                <a:srgbClr val="99CCFF"/>
              </a:solidFill>
              <a:ln w="12700" cap="rnd">
                <a:solidFill>
                  <a:schemeClr val="bg1"/>
                </a:solidFill>
                <a:round/>
                <a:headEnd/>
                <a:tailEnd/>
              </a:ln>
            </p:spPr>
            <p:txBody>
              <a:bodyPr/>
              <a:lstStyle/>
              <a:p>
                <a:endParaRPr lang="de-CH" dirty="0"/>
              </a:p>
            </p:txBody>
          </p:sp>
          <p:sp>
            <p:nvSpPr>
              <p:cNvPr id="103" name="Freeform 124" descr="Blaues Seidenpapier"/>
              <p:cNvSpPr>
                <a:spLocks/>
              </p:cNvSpPr>
              <p:nvPr/>
            </p:nvSpPr>
            <p:spPr bwMode="auto">
              <a:xfrm>
                <a:off x="513" y="2714"/>
                <a:ext cx="898" cy="443"/>
              </a:xfrm>
              <a:custGeom>
                <a:avLst/>
                <a:gdLst>
                  <a:gd name="T0" fmla="*/ 2147483647 w 686"/>
                  <a:gd name="T1" fmla="*/ 2147483647 h 337"/>
                  <a:gd name="T2" fmla="*/ 2147483647 w 686"/>
                  <a:gd name="T3" fmla="*/ 2147483647 h 337"/>
                  <a:gd name="T4" fmla="*/ 2147483647 w 686"/>
                  <a:gd name="T5" fmla="*/ 2147483647 h 337"/>
                  <a:gd name="T6" fmla="*/ 2147483647 w 686"/>
                  <a:gd name="T7" fmla="*/ 2147483647 h 337"/>
                  <a:gd name="T8" fmla="*/ 2147483647 w 686"/>
                  <a:gd name="T9" fmla="*/ 2147483647 h 337"/>
                  <a:gd name="T10" fmla="*/ 2147483647 w 686"/>
                  <a:gd name="T11" fmla="*/ 2147483647 h 337"/>
                  <a:gd name="T12" fmla="*/ 2147483647 w 686"/>
                  <a:gd name="T13" fmla="*/ 2147483647 h 337"/>
                  <a:gd name="T14" fmla="*/ 2147483647 w 686"/>
                  <a:gd name="T15" fmla="*/ 2147483647 h 337"/>
                  <a:gd name="T16" fmla="*/ 2147483647 w 686"/>
                  <a:gd name="T17" fmla="*/ 2147483647 h 337"/>
                  <a:gd name="T18" fmla="*/ 2147483647 w 686"/>
                  <a:gd name="T19" fmla="*/ 2147483647 h 337"/>
                  <a:gd name="T20" fmla="*/ 2147483647 w 686"/>
                  <a:gd name="T21" fmla="*/ 2147483647 h 337"/>
                  <a:gd name="T22" fmla="*/ 2147483647 w 686"/>
                  <a:gd name="T23" fmla="*/ 2147483647 h 337"/>
                  <a:gd name="T24" fmla="*/ 2147483647 w 686"/>
                  <a:gd name="T25" fmla="*/ 2147483647 h 337"/>
                  <a:gd name="T26" fmla="*/ 2147483647 w 686"/>
                  <a:gd name="T27" fmla="*/ 2147483647 h 337"/>
                  <a:gd name="T28" fmla="*/ 2147483647 w 686"/>
                  <a:gd name="T29" fmla="*/ 2147483647 h 337"/>
                  <a:gd name="T30" fmla="*/ 2147483647 w 686"/>
                  <a:gd name="T31" fmla="*/ 2147483647 h 337"/>
                  <a:gd name="T32" fmla="*/ 2147483647 w 686"/>
                  <a:gd name="T33" fmla="*/ 2147483647 h 337"/>
                  <a:gd name="T34" fmla="*/ 2147483647 w 686"/>
                  <a:gd name="T35" fmla="*/ 2147483647 h 337"/>
                  <a:gd name="T36" fmla="*/ 2147483647 w 686"/>
                  <a:gd name="T37" fmla="*/ 2147483647 h 337"/>
                  <a:gd name="T38" fmla="*/ 2147483647 w 686"/>
                  <a:gd name="T39" fmla="*/ 2147483647 h 337"/>
                  <a:gd name="T40" fmla="*/ 2147483647 w 686"/>
                  <a:gd name="T41" fmla="*/ 2147483647 h 337"/>
                  <a:gd name="T42" fmla="*/ 2147483647 w 686"/>
                  <a:gd name="T43" fmla="*/ 0 h 337"/>
                  <a:gd name="T44" fmla="*/ 2147483647 w 686"/>
                  <a:gd name="T45" fmla="*/ 0 h 337"/>
                  <a:gd name="T46" fmla="*/ 2147483647 w 686"/>
                  <a:gd name="T47" fmla="*/ 0 h 337"/>
                  <a:gd name="T48" fmla="*/ 2147483647 w 686"/>
                  <a:gd name="T49" fmla="*/ 2147483647 h 337"/>
                  <a:gd name="T50" fmla="*/ 2147483647 w 686"/>
                  <a:gd name="T51" fmla="*/ 2147483647 h 337"/>
                  <a:gd name="T52" fmla="*/ 2147483647 w 686"/>
                  <a:gd name="T53" fmla="*/ 2147483647 h 337"/>
                  <a:gd name="T54" fmla="*/ 2147483647 w 686"/>
                  <a:gd name="T55" fmla="*/ 2147483647 h 337"/>
                  <a:gd name="T56" fmla="*/ 2147483647 w 686"/>
                  <a:gd name="T57" fmla="*/ 2147483647 h 337"/>
                  <a:gd name="T58" fmla="*/ 2147483647 w 686"/>
                  <a:gd name="T59" fmla="*/ 2147483647 h 337"/>
                  <a:gd name="T60" fmla="*/ 2147483647 w 686"/>
                  <a:gd name="T61" fmla="*/ 2147483647 h 337"/>
                  <a:gd name="T62" fmla="*/ 2147483647 w 686"/>
                  <a:gd name="T63" fmla="*/ 2147483647 h 337"/>
                  <a:gd name="T64" fmla="*/ 2147483647 w 686"/>
                  <a:gd name="T65" fmla="*/ 2147483647 h 337"/>
                  <a:gd name="T66" fmla="*/ 2147483647 w 686"/>
                  <a:gd name="T67" fmla="*/ 2147483647 h 337"/>
                  <a:gd name="T68" fmla="*/ 2147483647 w 686"/>
                  <a:gd name="T69" fmla="*/ 2147483647 h 337"/>
                  <a:gd name="T70" fmla="*/ 2147483647 w 686"/>
                  <a:gd name="T71" fmla="*/ 2147483647 h 337"/>
                  <a:gd name="T72" fmla="*/ 2147483647 w 686"/>
                  <a:gd name="T73" fmla="*/ 2147483647 h 337"/>
                  <a:gd name="T74" fmla="*/ 0 w 686"/>
                  <a:gd name="T75" fmla="*/ 2147483647 h 337"/>
                  <a:gd name="T76" fmla="*/ 2147483647 w 686"/>
                  <a:gd name="T77" fmla="*/ 2147483647 h 337"/>
                  <a:gd name="T78" fmla="*/ 2147483647 w 686"/>
                  <a:gd name="T79" fmla="*/ 2147483647 h 337"/>
                  <a:gd name="T80" fmla="*/ 2147483647 w 686"/>
                  <a:gd name="T81" fmla="*/ 2147483647 h 337"/>
                  <a:gd name="T82" fmla="*/ 2147483647 w 686"/>
                  <a:gd name="T83" fmla="*/ 2147483647 h 337"/>
                  <a:gd name="T84" fmla="*/ 2147483647 w 686"/>
                  <a:gd name="T85" fmla="*/ 2147483647 h 337"/>
                  <a:gd name="T86" fmla="*/ 2147483647 w 686"/>
                  <a:gd name="T87" fmla="*/ 2147483647 h 337"/>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w 686"/>
                  <a:gd name="T133" fmla="*/ 0 h 337"/>
                  <a:gd name="T134" fmla="*/ 686 w 686"/>
                  <a:gd name="T135" fmla="*/ 337 h 337"/>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T132" t="T133" r="T134" b="T135"/>
                <a:pathLst>
                  <a:path w="686" h="337">
                    <a:moveTo>
                      <a:pt x="95" y="248"/>
                    </a:moveTo>
                    <a:lnTo>
                      <a:pt x="130" y="200"/>
                    </a:lnTo>
                    <a:lnTo>
                      <a:pt x="156" y="168"/>
                    </a:lnTo>
                    <a:lnTo>
                      <a:pt x="234" y="200"/>
                    </a:lnTo>
                    <a:lnTo>
                      <a:pt x="251" y="192"/>
                    </a:lnTo>
                    <a:lnTo>
                      <a:pt x="286" y="168"/>
                    </a:lnTo>
                    <a:lnTo>
                      <a:pt x="338" y="128"/>
                    </a:lnTo>
                    <a:lnTo>
                      <a:pt x="399" y="136"/>
                    </a:lnTo>
                    <a:lnTo>
                      <a:pt x="434" y="136"/>
                    </a:lnTo>
                    <a:lnTo>
                      <a:pt x="555" y="136"/>
                    </a:lnTo>
                    <a:lnTo>
                      <a:pt x="572" y="152"/>
                    </a:lnTo>
                    <a:lnTo>
                      <a:pt x="590" y="152"/>
                    </a:lnTo>
                    <a:lnTo>
                      <a:pt x="616" y="160"/>
                    </a:lnTo>
                    <a:lnTo>
                      <a:pt x="642" y="160"/>
                    </a:lnTo>
                    <a:lnTo>
                      <a:pt x="668" y="144"/>
                    </a:lnTo>
                    <a:lnTo>
                      <a:pt x="685" y="120"/>
                    </a:lnTo>
                    <a:lnTo>
                      <a:pt x="668" y="112"/>
                    </a:lnTo>
                    <a:lnTo>
                      <a:pt x="659" y="88"/>
                    </a:lnTo>
                    <a:lnTo>
                      <a:pt x="598" y="64"/>
                    </a:lnTo>
                    <a:lnTo>
                      <a:pt x="520" y="32"/>
                    </a:lnTo>
                    <a:lnTo>
                      <a:pt x="477" y="8"/>
                    </a:lnTo>
                    <a:lnTo>
                      <a:pt x="399" y="0"/>
                    </a:lnTo>
                    <a:lnTo>
                      <a:pt x="338" y="0"/>
                    </a:lnTo>
                    <a:lnTo>
                      <a:pt x="303" y="0"/>
                    </a:lnTo>
                    <a:lnTo>
                      <a:pt x="277" y="24"/>
                    </a:lnTo>
                    <a:lnTo>
                      <a:pt x="251" y="48"/>
                    </a:lnTo>
                    <a:lnTo>
                      <a:pt x="208" y="56"/>
                    </a:lnTo>
                    <a:lnTo>
                      <a:pt x="191" y="48"/>
                    </a:lnTo>
                    <a:lnTo>
                      <a:pt x="165" y="56"/>
                    </a:lnTo>
                    <a:lnTo>
                      <a:pt x="139" y="96"/>
                    </a:lnTo>
                    <a:lnTo>
                      <a:pt x="121" y="120"/>
                    </a:lnTo>
                    <a:lnTo>
                      <a:pt x="113" y="136"/>
                    </a:lnTo>
                    <a:lnTo>
                      <a:pt x="95" y="168"/>
                    </a:lnTo>
                    <a:lnTo>
                      <a:pt x="78" y="192"/>
                    </a:lnTo>
                    <a:lnTo>
                      <a:pt x="52" y="224"/>
                    </a:lnTo>
                    <a:lnTo>
                      <a:pt x="17" y="256"/>
                    </a:lnTo>
                    <a:lnTo>
                      <a:pt x="9" y="296"/>
                    </a:lnTo>
                    <a:lnTo>
                      <a:pt x="0" y="328"/>
                    </a:lnTo>
                    <a:lnTo>
                      <a:pt x="9" y="336"/>
                    </a:lnTo>
                    <a:lnTo>
                      <a:pt x="35" y="328"/>
                    </a:lnTo>
                    <a:lnTo>
                      <a:pt x="52" y="288"/>
                    </a:lnTo>
                    <a:lnTo>
                      <a:pt x="69" y="264"/>
                    </a:lnTo>
                    <a:lnTo>
                      <a:pt x="87" y="248"/>
                    </a:lnTo>
                    <a:lnTo>
                      <a:pt x="95" y="248"/>
                    </a:lnTo>
                  </a:path>
                </a:pathLst>
              </a:custGeom>
              <a:solidFill>
                <a:srgbClr val="99CCFF"/>
              </a:solidFill>
              <a:ln w="12700" cap="rnd">
                <a:solidFill>
                  <a:schemeClr val="bg1"/>
                </a:solidFill>
                <a:round/>
                <a:headEnd/>
                <a:tailEnd/>
              </a:ln>
            </p:spPr>
            <p:txBody>
              <a:bodyPr/>
              <a:lstStyle/>
              <a:p>
                <a:endParaRPr lang="de-CH" dirty="0"/>
              </a:p>
            </p:txBody>
          </p:sp>
          <p:sp>
            <p:nvSpPr>
              <p:cNvPr id="104" name="Freeform 125" descr="Blaues Seidenpapier"/>
              <p:cNvSpPr>
                <a:spLocks/>
              </p:cNvSpPr>
              <p:nvPr/>
            </p:nvSpPr>
            <p:spPr bwMode="auto">
              <a:xfrm>
                <a:off x="1080" y="1945"/>
                <a:ext cx="501" cy="317"/>
              </a:xfrm>
              <a:custGeom>
                <a:avLst/>
                <a:gdLst>
                  <a:gd name="T0" fmla="*/ 2147483647 w 383"/>
                  <a:gd name="T1" fmla="*/ 0 h 241"/>
                  <a:gd name="T2" fmla="*/ 2147483647 w 383"/>
                  <a:gd name="T3" fmla="*/ 2147483647 h 241"/>
                  <a:gd name="T4" fmla="*/ 2147483647 w 383"/>
                  <a:gd name="T5" fmla="*/ 2147483647 h 241"/>
                  <a:gd name="T6" fmla="*/ 2147483647 w 383"/>
                  <a:gd name="T7" fmla="*/ 2147483647 h 241"/>
                  <a:gd name="T8" fmla="*/ 2147483647 w 383"/>
                  <a:gd name="T9" fmla="*/ 2147483647 h 241"/>
                  <a:gd name="T10" fmla="*/ 2147483647 w 383"/>
                  <a:gd name="T11" fmla="*/ 2147483647 h 241"/>
                  <a:gd name="T12" fmla="*/ 2147483647 w 383"/>
                  <a:gd name="T13" fmla="*/ 2147483647 h 241"/>
                  <a:gd name="T14" fmla="*/ 2147483647 w 383"/>
                  <a:gd name="T15" fmla="*/ 2147483647 h 241"/>
                  <a:gd name="T16" fmla="*/ 2147483647 w 383"/>
                  <a:gd name="T17" fmla="*/ 2147483647 h 241"/>
                  <a:gd name="T18" fmla="*/ 2147483647 w 383"/>
                  <a:gd name="T19" fmla="*/ 2147483647 h 241"/>
                  <a:gd name="T20" fmla="*/ 0 w 383"/>
                  <a:gd name="T21" fmla="*/ 2147483647 h 241"/>
                  <a:gd name="T22" fmla="*/ 2147483647 w 383"/>
                  <a:gd name="T23" fmla="*/ 2147483647 h 241"/>
                  <a:gd name="T24" fmla="*/ 2147483647 w 383"/>
                  <a:gd name="T25" fmla="*/ 2147483647 h 241"/>
                  <a:gd name="T26" fmla="*/ 2147483647 w 383"/>
                  <a:gd name="T27" fmla="*/ 2147483647 h 241"/>
                  <a:gd name="T28" fmla="*/ 2147483647 w 383"/>
                  <a:gd name="T29" fmla="*/ 2147483647 h 241"/>
                  <a:gd name="T30" fmla="*/ 2147483647 w 383"/>
                  <a:gd name="T31" fmla="*/ 2147483647 h 241"/>
                  <a:gd name="T32" fmla="*/ 2147483647 w 383"/>
                  <a:gd name="T33" fmla="*/ 2147483647 h 241"/>
                  <a:gd name="T34" fmla="*/ 2147483647 w 383"/>
                  <a:gd name="T35" fmla="*/ 2147483647 h 241"/>
                  <a:gd name="T36" fmla="*/ 2147483647 w 383"/>
                  <a:gd name="T37" fmla="*/ 2147483647 h 241"/>
                  <a:gd name="T38" fmla="*/ 2147483647 w 383"/>
                  <a:gd name="T39" fmla="*/ 2147483647 h 241"/>
                  <a:gd name="T40" fmla="*/ 2147483647 w 383"/>
                  <a:gd name="T41" fmla="*/ 2147483647 h 241"/>
                  <a:gd name="T42" fmla="*/ 2147483647 w 383"/>
                  <a:gd name="T43" fmla="*/ 2147483647 h 241"/>
                  <a:gd name="T44" fmla="*/ 2147483647 w 383"/>
                  <a:gd name="T45" fmla="*/ 2147483647 h 241"/>
                  <a:gd name="T46" fmla="*/ 2147483647 w 383"/>
                  <a:gd name="T47" fmla="*/ 0 h 241"/>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83"/>
                  <a:gd name="T73" fmla="*/ 0 h 241"/>
                  <a:gd name="T74" fmla="*/ 383 w 383"/>
                  <a:gd name="T75" fmla="*/ 241 h 241"/>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83" h="241">
                    <a:moveTo>
                      <a:pt x="356" y="0"/>
                    </a:moveTo>
                    <a:lnTo>
                      <a:pt x="321" y="8"/>
                    </a:lnTo>
                    <a:lnTo>
                      <a:pt x="269" y="24"/>
                    </a:lnTo>
                    <a:lnTo>
                      <a:pt x="234" y="32"/>
                    </a:lnTo>
                    <a:lnTo>
                      <a:pt x="217" y="72"/>
                    </a:lnTo>
                    <a:lnTo>
                      <a:pt x="182" y="96"/>
                    </a:lnTo>
                    <a:lnTo>
                      <a:pt x="156" y="120"/>
                    </a:lnTo>
                    <a:lnTo>
                      <a:pt x="139" y="152"/>
                    </a:lnTo>
                    <a:lnTo>
                      <a:pt x="87" y="176"/>
                    </a:lnTo>
                    <a:lnTo>
                      <a:pt x="52" y="192"/>
                    </a:lnTo>
                    <a:lnTo>
                      <a:pt x="0" y="224"/>
                    </a:lnTo>
                    <a:lnTo>
                      <a:pt x="9" y="240"/>
                    </a:lnTo>
                    <a:lnTo>
                      <a:pt x="43" y="240"/>
                    </a:lnTo>
                    <a:lnTo>
                      <a:pt x="87" y="216"/>
                    </a:lnTo>
                    <a:lnTo>
                      <a:pt x="122" y="208"/>
                    </a:lnTo>
                    <a:lnTo>
                      <a:pt x="148" y="200"/>
                    </a:lnTo>
                    <a:lnTo>
                      <a:pt x="200" y="168"/>
                    </a:lnTo>
                    <a:lnTo>
                      <a:pt x="252" y="120"/>
                    </a:lnTo>
                    <a:lnTo>
                      <a:pt x="287" y="104"/>
                    </a:lnTo>
                    <a:lnTo>
                      <a:pt x="321" y="80"/>
                    </a:lnTo>
                    <a:lnTo>
                      <a:pt x="356" y="56"/>
                    </a:lnTo>
                    <a:lnTo>
                      <a:pt x="373" y="24"/>
                    </a:lnTo>
                    <a:lnTo>
                      <a:pt x="382" y="16"/>
                    </a:lnTo>
                    <a:lnTo>
                      <a:pt x="356" y="0"/>
                    </a:lnTo>
                  </a:path>
                </a:pathLst>
              </a:custGeom>
              <a:solidFill>
                <a:srgbClr val="99CCFF"/>
              </a:solidFill>
              <a:ln w="12700" cap="rnd">
                <a:solidFill>
                  <a:schemeClr val="bg1"/>
                </a:solidFill>
                <a:round/>
                <a:headEnd/>
                <a:tailEnd/>
              </a:ln>
            </p:spPr>
            <p:txBody>
              <a:bodyPr/>
              <a:lstStyle/>
              <a:p>
                <a:endParaRPr lang="de-CH" dirty="0"/>
              </a:p>
            </p:txBody>
          </p:sp>
          <p:sp>
            <p:nvSpPr>
              <p:cNvPr id="105" name="Freeform 126" descr="Blaues Seidenpapier"/>
              <p:cNvSpPr>
                <a:spLocks/>
              </p:cNvSpPr>
              <p:nvPr/>
            </p:nvSpPr>
            <p:spPr bwMode="auto">
              <a:xfrm>
                <a:off x="1556" y="2008"/>
                <a:ext cx="127" cy="86"/>
              </a:xfrm>
              <a:custGeom>
                <a:avLst/>
                <a:gdLst>
                  <a:gd name="T0" fmla="*/ 2147483647 w 97"/>
                  <a:gd name="T1" fmla="*/ 0 h 65"/>
                  <a:gd name="T2" fmla="*/ 2147483647 w 97"/>
                  <a:gd name="T3" fmla="*/ 2147483647 h 65"/>
                  <a:gd name="T4" fmla="*/ 2147483647 w 97"/>
                  <a:gd name="T5" fmla="*/ 2147483647 h 65"/>
                  <a:gd name="T6" fmla="*/ 0 w 97"/>
                  <a:gd name="T7" fmla="*/ 2147483647 h 65"/>
                  <a:gd name="T8" fmla="*/ 2147483647 w 97"/>
                  <a:gd name="T9" fmla="*/ 2147483647 h 65"/>
                  <a:gd name="T10" fmla="*/ 2147483647 w 97"/>
                  <a:gd name="T11" fmla="*/ 2147483647 h 65"/>
                  <a:gd name="T12" fmla="*/ 2147483647 w 97"/>
                  <a:gd name="T13" fmla="*/ 2147483647 h 65"/>
                  <a:gd name="T14" fmla="*/ 2147483647 w 97"/>
                  <a:gd name="T15" fmla="*/ 2147483647 h 65"/>
                  <a:gd name="T16" fmla="*/ 2147483647 w 97"/>
                  <a:gd name="T17" fmla="*/ 2147483647 h 65"/>
                  <a:gd name="T18" fmla="*/ 2147483647 w 97"/>
                  <a:gd name="T19" fmla="*/ 2147483647 h 65"/>
                  <a:gd name="T20" fmla="*/ 2147483647 w 97"/>
                  <a:gd name="T21" fmla="*/ 0 h 65"/>
                  <a:gd name="T22" fmla="*/ 2147483647 w 97"/>
                  <a:gd name="T23" fmla="*/ 0 h 6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97"/>
                  <a:gd name="T37" fmla="*/ 0 h 65"/>
                  <a:gd name="T38" fmla="*/ 97 w 97"/>
                  <a:gd name="T39" fmla="*/ 65 h 6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97" h="65">
                    <a:moveTo>
                      <a:pt x="61" y="0"/>
                    </a:moveTo>
                    <a:lnTo>
                      <a:pt x="35" y="16"/>
                    </a:lnTo>
                    <a:lnTo>
                      <a:pt x="9" y="32"/>
                    </a:lnTo>
                    <a:lnTo>
                      <a:pt x="0" y="48"/>
                    </a:lnTo>
                    <a:lnTo>
                      <a:pt x="17" y="64"/>
                    </a:lnTo>
                    <a:lnTo>
                      <a:pt x="35" y="64"/>
                    </a:lnTo>
                    <a:lnTo>
                      <a:pt x="52" y="48"/>
                    </a:lnTo>
                    <a:lnTo>
                      <a:pt x="70" y="40"/>
                    </a:lnTo>
                    <a:lnTo>
                      <a:pt x="96" y="24"/>
                    </a:lnTo>
                    <a:lnTo>
                      <a:pt x="96" y="8"/>
                    </a:lnTo>
                    <a:lnTo>
                      <a:pt x="79" y="0"/>
                    </a:lnTo>
                    <a:lnTo>
                      <a:pt x="61" y="0"/>
                    </a:lnTo>
                  </a:path>
                </a:pathLst>
              </a:custGeom>
              <a:solidFill>
                <a:srgbClr val="99CCFF"/>
              </a:solidFill>
              <a:ln w="12700" cap="rnd">
                <a:solidFill>
                  <a:schemeClr val="bg1"/>
                </a:solidFill>
                <a:round/>
                <a:headEnd/>
                <a:tailEnd/>
              </a:ln>
            </p:spPr>
            <p:txBody>
              <a:bodyPr/>
              <a:lstStyle/>
              <a:p>
                <a:endParaRPr lang="de-CH" dirty="0"/>
              </a:p>
            </p:txBody>
          </p:sp>
          <p:sp>
            <p:nvSpPr>
              <p:cNvPr id="106" name="Freeform 127" descr="Blaues Seidenpapier"/>
              <p:cNvSpPr>
                <a:spLocks/>
              </p:cNvSpPr>
              <p:nvPr/>
            </p:nvSpPr>
            <p:spPr bwMode="auto">
              <a:xfrm>
                <a:off x="1579" y="1808"/>
                <a:ext cx="160" cy="138"/>
              </a:xfrm>
              <a:custGeom>
                <a:avLst/>
                <a:gdLst>
                  <a:gd name="T0" fmla="*/ 2147483647 w 122"/>
                  <a:gd name="T1" fmla="*/ 0 h 105"/>
                  <a:gd name="T2" fmla="*/ 2147483647 w 122"/>
                  <a:gd name="T3" fmla="*/ 0 h 105"/>
                  <a:gd name="T4" fmla="*/ 2147483647 w 122"/>
                  <a:gd name="T5" fmla="*/ 2147483647 h 105"/>
                  <a:gd name="T6" fmla="*/ 2147483647 w 122"/>
                  <a:gd name="T7" fmla="*/ 2147483647 h 105"/>
                  <a:gd name="T8" fmla="*/ 2147483647 w 122"/>
                  <a:gd name="T9" fmla="*/ 2147483647 h 105"/>
                  <a:gd name="T10" fmla="*/ 2147483647 w 122"/>
                  <a:gd name="T11" fmla="*/ 2147483647 h 105"/>
                  <a:gd name="T12" fmla="*/ 0 w 122"/>
                  <a:gd name="T13" fmla="*/ 2147483647 h 105"/>
                  <a:gd name="T14" fmla="*/ 0 w 122"/>
                  <a:gd name="T15" fmla="*/ 2147483647 h 105"/>
                  <a:gd name="T16" fmla="*/ 2147483647 w 122"/>
                  <a:gd name="T17" fmla="*/ 2147483647 h 105"/>
                  <a:gd name="T18" fmla="*/ 2147483647 w 122"/>
                  <a:gd name="T19" fmla="*/ 2147483647 h 105"/>
                  <a:gd name="T20" fmla="*/ 2147483647 w 122"/>
                  <a:gd name="T21" fmla="*/ 2147483647 h 105"/>
                  <a:gd name="T22" fmla="*/ 2147483647 w 122"/>
                  <a:gd name="T23" fmla="*/ 2147483647 h 105"/>
                  <a:gd name="T24" fmla="*/ 2147483647 w 122"/>
                  <a:gd name="T25" fmla="*/ 2147483647 h 105"/>
                  <a:gd name="T26" fmla="*/ 2147483647 w 122"/>
                  <a:gd name="T27" fmla="*/ 2147483647 h 105"/>
                  <a:gd name="T28" fmla="*/ 2147483647 w 122"/>
                  <a:gd name="T29" fmla="*/ 2147483647 h 105"/>
                  <a:gd name="T30" fmla="*/ 2147483647 w 122"/>
                  <a:gd name="T31" fmla="*/ 2147483647 h 105"/>
                  <a:gd name="T32" fmla="*/ 2147483647 w 122"/>
                  <a:gd name="T33" fmla="*/ 2147483647 h 105"/>
                  <a:gd name="T34" fmla="*/ 2147483647 w 122"/>
                  <a:gd name="T35" fmla="*/ 2147483647 h 105"/>
                  <a:gd name="T36" fmla="*/ 2147483647 w 122"/>
                  <a:gd name="T37" fmla="*/ 2147483647 h 105"/>
                  <a:gd name="T38" fmla="*/ 2147483647 w 122"/>
                  <a:gd name="T39" fmla="*/ 0 h 10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22"/>
                  <a:gd name="T61" fmla="*/ 0 h 105"/>
                  <a:gd name="T62" fmla="*/ 122 w 122"/>
                  <a:gd name="T63" fmla="*/ 105 h 10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22" h="105">
                    <a:moveTo>
                      <a:pt x="121" y="0"/>
                    </a:moveTo>
                    <a:lnTo>
                      <a:pt x="95" y="0"/>
                    </a:lnTo>
                    <a:lnTo>
                      <a:pt x="78" y="16"/>
                    </a:lnTo>
                    <a:lnTo>
                      <a:pt x="61" y="24"/>
                    </a:lnTo>
                    <a:lnTo>
                      <a:pt x="43" y="40"/>
                    </a:lnTo>
                    <a:lnTo>
                      <a:pt x="26" y="40"/>
                    </a:lnTo>
                    <a:lnTo>
                      <a:pt x="0" y="72"/>
                    </a:lnTo>
                    <a:lnTo>
                      <a:pt x="0" y="88"/>
                    </a:lnTo>
                    <a:lnTo>
                      <a:pt x="17" y="80"/>
                    </a:lnTo>
                    <a:lnTo>
                      <a:pt x="35" y="64"/>
                    </a:lnTo>
                    <a:lnTo>
                      <a:pt x="43" y="72"/>
                    </a:lnTo>
                    <a:lnTo>
                      <a:pt x="26" y="88"/>
                    </a:lnTo>
                    <a:lnTo>
                      <a:pt x="35" y="96"/>
                    </a:lnTo>
                    <a:lnTo>
                      <a:pt x="43" y="104"/>
                    </a:lnTo>
                    <a:lnTo>
                      <a:pt x="69" y="88"/>
                    </a:lnTo>
                    <a:lnTo>
                      <a:pt x="69" y="72"/>
                    </a:lnTo>
                    <a:lnTo>
                      <a:pt x="95" y="40"/>
                    </a:lnTo>
                    <a:lnTo>
                      <a:pt x="112" y="32"/>
                    </a:lnTo>
                    <a:lnTo>
                      <a:pt x="121" y="8"/>
                    </a:lnTo>
                    <a:lnTo>
                      <a:pt x="121" y="0"/>
                    </a:lnTo>
                  </a:path>
                </a:pathLst>
              </a:custGeom>
              <a:solidFill>
                <a:srgbClr val="99CCFF"/>
              </a:solidFill>
              <a:ln w="12700" cap="rnd">
                <a:solidFill>
                  <a:schemeClr val="bg1"/>
                </a:solidFill>
                <a:round/>
                <a:headEnd/>
                <a:tailEnd/>
              </a:ln>
            </p:spPr>
            <p:txBody>
              <a:bodyPr/>
              <a:lstStyle/>
              <a:p>
                <a:endParaRPr lang="de-CH" dirty="0"/>
              </a:p>
            </p:txBody>
          </p:sp>
          <p:sp>
            <p:nvSpPr>
              <p:cNvPr id="107" name="Freeform 128" descr="Blaues Seidenpapier"/>
              <p:cNvSpPr>
                <a:spLocks/>
              </p:cNvSpPr>
              <p:nvPr/>
            </p:nvSpPr>
            <p:spPr bwMode="auto">
              <a:xfrm>
                <a:off x="2214" y="2335"/>
                <a:ext cx="239" cy="148"/>
              </a:xfrm>
              <a:custGeom>
                <a:avLst/>
                <a:gdLst>
                  <a:gd name="T0" fmla="*/ 0 w 183"/>
                  <a:gd name="T1" fmla="*/ 0 h 113"/>
                  <a:gd name="T2" fmla="*/ 0 w 183"/>
                  <a:gd name="T3" fmla="*/ 2147483647 h 113"/>
                  <a:gd name="T4" fmla="*/ 2147483647 w 183"/>
                  <a:gd name="T5" fmla="*/ 2147483647 h 113"/>
                  <a:gd name="T6" fmla="*/ 2147483647 w 183"/>
                  <a:gd name="T7" fmla="*/ 2147483647 h 113"/>
                  <a:gd name="T8" fmla="*/ 2147483647 w 183"/>
                  <a:gd name="T9" fmla="*/ 2147483647 h 113"/>
                  <a:gd name="T10" fmla="*/ 2147483647 w 183"/>
                  <a:gd name="T11" fmla="*/ 2147483647 h 113"/>
                  <a:gd name="T12" fmla="*/ 2147483647 w 183"/>
                  <a:gd name="T13" fmla="*/ 2147483647 h 113"/>
                  <a:gd name="T14" fmla="*/ 2147483647 w 183"/>
                  <a:gd name="T15" fmla="*/ 2147483647 h 113"/>
                  <a:gd name="T16" fmla="*/ 2147483647 w 183"/>
                  <a:gd name="T17" fmla="*/ 2147483647 h 113"/>
                  <a:gd name="T18" fmla="*/ 2147483647 w 183"/>
                  <a:gd name="T19" fmla="*/ 2147483647 h 113"/>
                  <a:gd name="T20" fmla="*/ 2147483647 w 183"/>
                  <a:gd name="T21" fmla="*/ 2147483647 h 113"/>
                  <a:gd name="T22" fmla="*/ 2147483647 w 183"/>
                  <a:gd name="T23" fmla="*/ 2147483647 h 113"/>
                  <a:gd name="T24" fmla="*/ 2147483647 w 183"/>
                  <a:gd name="T25" fmla="*/ 2147483647 h 113"/>
                  <a:gd name="T26" fmla="*/ 2147483647 w 183"/>
                  <a:gd name="T27" fmla="*/ 0 h 113"/>
                  <a:gd name="T28" fmla="*/ 0 w 183"/>
                  <a:gd name="T29" fmla="*/ 0 h 11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83"/>
                  <a:gd name="T46" fmla="*/ 0 h 113"/>
                  <a:gd name="T47" fmla="*/ 183 w 183"/>
                  <a:gd name="T48" fmla="*/ 113 h 11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83" h="113">
                    <a:moveTo>
                      <a:pt x="0" y="0"/>
                    </a:moveTo>
                    <a:lnTo>
                      <a:pt x="0" y="16"/>
                    </a:lnTo>
                    <a:lnTo>
                      <a:pt x="26" y="48"/>
                    </a:lnTo>
                    <a:lnTo>
                      <a:pt x="43" y="48"/>
                    </a:lnTo>
                    <a:lnTo>
                      <a:pt x="52" y="64"/>
                    </a:lnTo>
                    <a:lnTo>
                      <a:pt x="87" y="88"/>
                    </a:lnTo>
                    <a:lnTo>
                      <a:pt x="113" y="112"/>
                    </a:lnTo>
                    <a:lnTo>
                      <a:pt x="156" y="112"/>
                    </a:lnTo>
                    <a:lnTo>
                      <a:pt x="182" y="112"/>
                    </a:lnTo>
                    <a:lnTo>
                      <a:pt x="182" y="96"/>
                    </a:lnTo>
                    <a:lnTo>
                      <a:pt x="165" y="88"/>
                    </a:lnTo>
                    <a:lnTo>
                      <a:pt x="130" y="80"/>
                    </a:lnTo>
                    <a:lnTo>
                      <a:pt x="87" y="64"/>
                    </a:lnTo>
                    <a:lnTo>
                      <a:pt x="26" y="0"/>
                    </a:lnTo>
                    <a:lnTo>
                      <a:pt x="0" y="0"/>
                    </a:lnTo>
                  </a:path>
                </a:pathLst>
              </a:custGeom>
              <a:solidFill>
                <a:srgbClr val="99CCFF"/>
              </a:solidFill>
              <a:ln w="12700" cap="rnd">
                <a:solidFill>
                  <a:schemeClr val="bg1"/>
                </a:solidFill>
                <a:round/>
                <a:headEnd/>
                <a:tailEnd/>
              </a:ln>
            </p:spPr>
            <p:txBody>
              <a:bodyPr/>
              <a:lstStyle/>
              <a:p>
                <a:endParaRPr lang="de-CH" dirty="0"/>
              </a:p>
            </p:txBody>
          </p:sp>
          <p:sp>
            <p:nvSpPr>
              <p:cNvPr id="108" name="Freeform 129" descr="Blaues Seidenpapier"/>
              <p:cNvSpPr>
                <a:spLocks/>
              </p:cNvSpPr>
              <p:nvPr/>
            </p:nvSpPr>
            <p:spPr bwMode="auto">
              <a:xfrm>
                <a:off x="2498" y="2356"/>
                <a:ext cx="182" cy="106"/>
              </a:xfrm>
              <a:custGeom>
                <a:avLst/>
                <a:gdLst>
                  <a:gd name="T0" fmla="*/ 2147483647 w 139"/>
                  <a:gd name="T1" fmla="*/ 2147483647 h 81"/>
                  <a:gd name="T2" fmla="*/ 2147483647 w 139"/>
                  <a:gd name="T3" fmla="*/ 2147483647 h 81"/>
                  <a:gd name="T4" fmla="*/ 2147483647 w 139"/>
                  <a:gd name="T5" fmla="*/ 2147483647 h 81"/>
                  <a:gd name="T6" fmla="*/ 2147483647 w 139"/>
                  <a:gd name="T7" fmla="*/ 2147483647 h 81"/>
                  <a:gd name="T8" fmla="*/ 2147483647 w 139"/>
                  <a:gd name="T9" fmla="*/ 2147483647 h 81"/>
                  <a:gd name="T10" fmla="*/ 2147483647 w 139"/>
                  <a:gd name="T11" fmla="*/ 2147483647 h 81"/>
                  <a:gd name="T12" fmla="*/ 2147483647 w 139"/>
                  <a:gd name="T13" fmla="*/ 0 h 81"/>
                  <a:gd name="T14" fmla="*/ 2147483647 w 139"/>
                  <a:gd name="T15" fmla="*/ 2147483647 h 81"/>
                  <a:gd name="T16" fmla="*/ 2147483647 w 139"/>
                  <a:gd name="T17" fmla="*/ 2147483647 h 81"/>
                  <a:gd name="T18" fmla="*/ 0 w 139"/>
                  <a:gd name="T19" fmla="*/ 2147483647 h 81"/>
                  <a:gd name="T20" fmla="*/ 2147483647 w 139"/>
                  <a:gd name="T21" fmla="*/ 2147483647 h 8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39"/>
                  <a:gd name="T34" fmla="*/ 0 h 81"/>
                  <a:gd name="T35" fmla="*/ 139 w 139"/>
                  <a:gd name="T36" fmla="*/ 81 h 8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39" h="81">
                    <a:moveTo>
                      <a:pt x="17" y="80"/>
                    </a:moveTo>
                    <a:lnTo>
                      <a:pt x="43" y="72"/>
                    </a:lnTo>
                    <a:lnTo>
                      <a:pt x="69" y="56"/>
                    </a:lnTo>
                    <a:lnTo>
                      <a:pt x="112" y="48"/>
                    </a:lnTo>
                    <a:lnTo>
                      <a:pt x="121" y="32"/>
                    </a:lnTo>
                    <a:lnTo>
                      <a:pt x="138" y="8"/>
                    </a:lnTo>
                    <a:lnTo>
                      <a:pt x="95" y="0"/>
                    </a:lnTo>
                    <a:lnTo>
                      <a:pt x="69" y="24"/>
                    </a:lnTo>
                    <a:lnTo>
                      <a:pt x="43" y="32"/>
                    </a:lnTo>
                    <a:lnTo>
                      <a:pt x="0" y="56"/>
                    </a:lnTo>
                    <a:lnTo>
                      <a:pt x="17" y="80"/>
                    </a:lnTo>
                  </a:path>
                </a:pathLst>
              </a:custGeom>
              <a:solidFill>
                <a:srgbClr val="99CCFF"/>
              </a:solidFill>
              <a:ln w="12700" cap="rnd">
                <a:solidFill>
                  <a:schemeClr val="bg1"/>
                </a:solidFill>
                <a:round/>
                <a:headEnd/>
                <a:tailEnd/>
              </a:ln>
            </p:spPr>
            <p:txBody>
              <a:bodyPr/>
              <a:lstStyle/>
              <a:p>
                <a:endParaRPr lang="de-CH" dirty="0"/>
              </a:p>
            </p:txBody>
          </p:sp>
          <p:sp>
            <p:nvSpPr>
              <p:cNvPr id="109" name="Freeform 130" descr="Blaues Seidenpapier"/>
              <p:cNvSpPr>
                <a:spLocks/>
              </p:cNvSpPr>
              <p:nvPr/>
            </p:nvSpPr>
            <p:spPr bwMode="auto">
              <a:xfrm>
                <a:off x="2974" y="1819"/>
                <a:ext cx="386" cy="285"/>
              </a:xfrm>
              <a:custGeom>
                <a:avLst/>
                <a:gdLst>
                  <a:gd name="T0" fmla="*/ 2147483647 w 295"/>
                  <a:gd name="T1" fmla="*/ 2147483647 h 217"/>
                  <a:gd name="T2" fmla="*/ 2147483647 w 295"/>
                  <a:gd name="T3" fmla="*/ 2147483647 h 217"/>
                  <a:gd name="T4" fmla="*/ 2147483647 w 295"/>
                  <a:gd name="T5" fmla="*/ 2147483647 h 217"/>
                  <a:gd name="T6" fmla="*/ 2147483647 w 295"/>
                  <a:gd name="T7" fmla="*/ 2147483647 h 217"/>
                  <a:gd name="T8" fmla="*/ 0 w 295"/>
                  <a:gd name="T9" fmla="*/ 2147483647 h 217"/>
                  <a:gd name="T10" fmla="*/ 0 w 295"/>
                  <a:gd name="T11" fmla="*/ 2147483647 h 217"/>
                  <a:gd name="T12" fmla="*/ 2147483647 w 295"/>
                  <a:gd name="T13" fmla="*/ 2147483647 h 217"/>
                  <a:gd name="T14" fmla="*/ 2147483647 w 295"/>
                  <a:gd name="T15" fmla="*/ 2147483647 h 217"/>
                  <a:gd name="T16" fmla="*/ 0 w 295"/>
                  <a:gd name="T17" fmla="*/ 2147483647 h 217"/>
                  <a:gd name="T18" fmla="*/ 0 w 295"/>
                  <a:gd name="T19" fmla="*/ 2147483647 h 217"/>
                  <a:gd name="T20" fmla="*/ 2147483647 w 295"/>
                  <a:gd name="T21" fmla="*/ 2147483647 h 217"/>
                  <a:gd name="T22" fmla="*/ 2147483647 w 295"/>
                  <a:gd name="T23" fmla="*/ 2147483647 h 217"/>
                  <a:gd name="T24" fmla="*/ 2147483647 w 295"/>
                  <a:gd name="T25" fmla="*/ 2147483647 h 217"/>
                  <a:gd name="T26" fmla="*/ 2147483647 w 295"/>
                  <a:gd name="T27" fmla="*/ 2147483647 h 217"/>
                  <a:gd name="T28" fmla="*/ 2147483647 w 295"/>
                  <a:gd name="T29" fmla="*/ 2147483647 h 217"/>
                  <a:gd name="T30" fmla="*/ 2147483647 w 295"/>
                  <a:gd name="T31" fmla="*/ 2147483647 h 217"/>
                  <a:gd name="T32" fmla="*/ 2147483647 w 295"/>
                  <a:gd name="T33" fmla="*/ 2147483647 h 217"/>
                  <a:gd name="T34" fmla="*/ 2147483647 w 295"/>
                  <a:gd name="T35" fmla="*/ 2147483647 h 217"/>
                  <a:gd name="T36" fmla="*/ 2147483647 w 295"/>
                  <a:gd name="T37" fmla="*/ 2147483647 h 217"/>
                  <a:gd name="T38" fmla="*/ 2147483647 w 295"/>
                  <a:gd name="T39" fmla="*/ 2147483647 h 217"/>
                  <a:gd name="T40" fmla="*/ 2147483647 w 295"/>
                  <a:gd name="T41" fmla="*/ 2147483647 h 217"/>
                  <a:gd name="T42" fmla="*/ 2147483647 w 295"/>
                  <a:gd name="T43" fmla="*/ 2147483647 h 217"/>
                  <a:gd name="T44" fmla="*/ 2147483647 w 295"/>
                  <a:gd name="T45" fmla="*/ 2147483647 h 217"/>
                  <a:gd name="T46" fmla="*/ 2147483647 w 295"/>
                  <a:gd name="T47" fmla="*/ 2147483647 h 217"/>
                  <a:gd name="T48" fmla="*/ 2147483647 w 295"/>
                  <a:gd name="T49" fmla="*/ 2147483647 h 217"/>
                  <a:gd name="T50" fmla="*/ 2147483647 w 295"/>
                  <a:gd name="T51" fmla="*/ 2147483647 h 217"/>
                  <a:gd name="T52" fmla="*/ 2147483647 w 295"/>
                  <a:gd name="T53" fmla="*/ 2147483647 h 217"/>
                  <a:gd name="T54" fmla="*/ 2147483647 w 295"/>
                  <a:gd name="T55" fmla="*/ 2147483647 h 217"/>
                  <a:gd name="T56" fmla="*/ 2147483647 w 295"/>
                  <a:gd name="T57" fmla="*/ 2147483647 h 217"/>
                  <a:gd name="T58" fmla="*/ 2147483647 w 295"/>
                  <a:gd name="T59" fmla="*/ 2147483647 h 217"/>
                  <a:gd name="T60" fmla="*/ 2147483647 w 295"/>
                  <a:gd name="T61" fmla="*/ 2147483647 h 217"/>
                  <a:gd name="T62" fmla="*/ 2147483647 w 295"/>
                  <a:gd name="T63" fmla="*/ 2147483647 h 217"/>
                  <a:gd name="T64" fmla="*/ 2147483647 w 295"/>
                  <a:gd name="T65" fmla="*/ 2147483647 h 217"/>
                  <a:gd name="T66" fmla="*/ 2147483647 w 295"/>
                  <a:gd name="T67" fmla="*/ 2147483647 h 217"/>
                  <a:gd name="T68" fmla="*/ 2147483647 w 295"/>
                  <a:gd name="T69" fmla="*/ 2147483647 h 217"/>
                  <a:gd name="T70" fmla="*/ 2147483647 w 295"/>
                  <a:gd name="T71" fmla="*/ 2147483647 h 217"/>
                  <a:gd name="T72" fmla="*/ 2147483647 w 295"/>
                  <a:gd name="T73" fmla="*/ 2147483647 h 217"/>
                  <a:gd name="T74" fmla="*/ 2147483647 w 295"/>
                  <a:gd name="T75" fmla="*/ 2147483647 h 217"/>
                  <a:gd name="T76" fmla="*/ 2147483647 w 295"/>
                  <a:gd name="T77" fmla="*/ 2147483647 h 217"/>
                  <a:gd name="T78" fmla="*/ 2147483647 w 295"/>
                  <a:gd name="T79" fmla="*/ 2147483647 h 217"/>
                  <a:gd name="T80" fmla="*/ 2147483647 w 295"/>
                  <a:gd name="T81" fmla="*/ 2147483647 h 217"/>
                  <a:gd name="T82" fmla="*/ 2147483647 w 295"/>
                  <a:gd name="T83" fmla="*/ 0 h 217"/>
                  <a:gd name="T84" fmla="*/ 2147483647 w 295"/>
                  <a:gd name="T85" fmla="*/ 2147483647 h 217"/>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5"/>
                  <a:gd name="T130" fmla="*/ 0 h 217"/>
                  <a:gd name="T131" fmla="*/ 295 w 295"/>
                  <a:gd name="T132" fmla="*/ 217 h 217"/>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5" h="217">
                    <a:moveTo>
                      <a:pt x="78" y="16"/>
                    </a:moveTo>
                    <a:lnTo>
                      <a:pt x="61" y="32"/>
                    </a:lnTo>
                    <a:lnTo>
                      <a:pt x="26" y="32"/>
                    </a:lnTo>
                    <a:lnTo>
                      <a:pt x="26" y="8"/>
                    </a:lnTo>
                    <a:lnTo>
                      <a:pt x="0" y="16"/>
                    </a:lnTo>
                    <a:lnTo>
                      <a:pt x="0" y="32"/>
                    </a:lnTo>
                    <a:lnTo>
                      <a:pt x="26" y="40"/>
                    </a:lnTo>
                    <a:lnTo>
                      <a:pt x="26" y="72"/>
                    </a:lnTo>
                    <a:lnTo>
                      <a:pt x="0" y="104"/>
                    </a:lnTo>
                    <a:lnTo>
                      <a:pt x="0" y="120"/>
                    </a:lnTo>
                    <a:lnTo>
                      <a:pt x="26" y="120"/>
                    </a:lnTo>
                    <a:lnTo>
                      <a:pt x="52" y="96"/>
                    </a:lnTo>
                    <a:lnTo>
                      <a:pt x="52" y="80"/>
                    </a:lnTo>
                    <a:lnTo>
                      <a:pt x="112" y="80"/>
                    </a:lnTo>
                    <a:lnTo>
                      <a:pt x="112" y="88"/>
                    </a:lnTo>
                    <a:lnTo>
                      <a:pt x="95" y="104"/>
                    </a:lnTo>
                    <a:lnTo>
                      <a:pt x="104" y="120"/>
                    </a:lnTo>
                    <a:lnTo>
                      <a:pt x="164" y="120"/>
                    </a:lnTo>
                    <a:lnTo>
                      <a:pt x="216" y="128"/>
                    </a:lnTo>
                    <a:lnTo>
                      <a:pt x="242" y="120"/>
                    </a:lnTo>
                    <a:lnTo>
                      <a:pt x="259" y="120"/>
                    </a:lnTo>
                    <a:lnTo>
                      <a:pt x="259" y="144"/>
                    </a:lnTo>
                    <a:lnTo>
                      <a:pt x="251" y="160"/>
                    </a:lnTo>
                    <a:lnTo>
                      <a:pt x="251" y="192"/>
                    </a:lnTo>
                    <a:lnTo>
                      <a:pt x="268" y="208"/>
                    </a:lnTo>
                    <a:lnTo>
                      <a:pt x="285" y="216"/>
                    </a:lnTo>
                    <a:lnTo>
                      <a:pt x="294" y="208"/>
                    </a:lnTo>
                    <a:lnTo>
                      <a:pt x="294" y="160"/>
                    </a:lnTo>
                    <a:lnTo>
                      <a:pt x="285" y="152"/>
                    </a:lnTo>
                    <a:lnTo>
                      <a:pt x="285" y="96"/>
                    </a:lnTo>
                    <a:lnTo>
                      <a:pt x="277" y="88"/>
                    </a:lnTo>
                    <a:lnTo>
                      <a:pt x="242" y="80"/>
                    </a:lnTo>
                    <a:lnTo>
                      <a:pt x="225" y="104"/>
                    </a:lnTo>
                    <a:lnTo>
                      <a:pt x="199" y="104"/>
                    </a:lnTo>
                    <a:lnTo>
                      <a:pt x="164" y="88"/>
                    </a:lnTo>
                    <a:lnTo>
                      <a:pt x="138" y="88"/>
                    </a:lnTo>
                    <a:lnTo>
                      <a:pt x="138" y="72"/>
                    </a:lnTo>
                    <a:lnTo>
                      <a:pt x="112" y="56"/>
                    </a:lnTo>
                    <a:lnTo>
                      <a:pt x="86" y="48"/>
                    </a:lnTo>
                    <a:lnTo>
                      <a:pt x="86" y="32"/>
                    </a:lnTo>
                    <a:lnTo>
                      <a:pt x="112" y="16"/>
                    </a:lnTo>
                    <a:lnTo>
                      <a:pt x="112" y="0"/>
                    </a:lnTo>
                    <a:lnTo>
                      <a:pt x="78" y="16"/>
                    </a:lnTo>
                  </a:path>
                </a:pathLst>
              </a:custGeom>
              <a:solidFill>
                <a:srgbClr val="99CCFF"/>
              </a:solidFill>
              <a:ln w="12700" cap="rnd">
                <a:solidFill>
                  <a:schemeClr val="bg1"/>
                </a:solidFill>
                <a:round/>
                <a:headEnd/>
                <a:tailEnd/>
              </a:ln>
            </p:spPr>
            <p:txBody>
              <a:bodyPr/>
              <a:lstStyle/>
              <a:p>
                <a:endParaRPr lang="de-CH" dirty="0"/>
              </a:p>
            </p:txBody>
          </p:sp>
          <p:sp>
            <p:nvSpPr>
              <p:cNvPr id="110" name="Freeform 131" descr="Blaues Seidenpapier"/>
              <p:cNvSpPr>
                <a:spLocks/>
              </p:cNvSpPr>
              <p:nvPr/>
            </p:nvSpPr>
            <p:spPr bwMode="auto">
              <a:xfrm>
                <a:off x="3144" y="1671"/>
                <a:ext cx="58" cy="160"/>
              </a:xfrm>
              <a:custGeom>
                <a:avLst/>
                <a:gdLst>
                  <a:gd name="T0" fmla="*/ 2147483647 w 44"/>
                  <a:gd name="T1" fmla="*/ 0 h 121"/>
                  <a:gd name="T2" fmla="*/ 0 w 44"/>
                  <a:gd name="T3" fmla="*/ 2147483647 h 121"/>
                  <a:gd name="T4" fmla="*/ 0 w 44"/>
                  <a:gd name="T5" fmla="*/ 2147483647 h 121"/>
                  <a:gd name="T6" fmla="*/ 0 w 44"/>
                  <a:gd name="T7" fmla="*/ 2147483647 h 121"/>
                  <a:gd name="T8" fmla="*/ 2147483647 w 44"/>
                  <a:gd name="T9" fmla="*/ 2147483647 h 121"/>
                  <a:gd name="T10" fmla="*/ 2147483647 w 44"/>
                  <a:gd name="T11" fmla="*/ 2147483647 h 121"/>
                  <a:gd name="T12" fmla="*/ 2147483647 w 44"/>
                  <a:gd name="T13" fmla="*/ 2147483647 h 121"/>
                  <a:gd name="T14" fmla="*/ 2147483647 w 44"/>
                  <a:gd name="T15" fmla="*/ 2147483647 h 121"/>
                  <a:gd name="T16" fmla="*/ 2147483647 w 44"/>
                  <a:gd name="T17" fmla="*/ 2147483647 h 121"/>
                  <a:gd name="T18" fmla="*/ 2147483647 w 44"/>
                  <a:gd name="T19" fmla="*/ 2147483647 h 121"/>
                  <a:gd name="T20" fmla="*/ 2147483647 w 44"/>
                  <a:gd name="T21" fmla="*/ 2147483647 h 121"/>
                  <a:gd name="T22" fmla="*/ 2147483647 w 44"/>
                  <a:gd name="T23" fmla="*/ 2147483647 h 121"/>
                  <a:gd name="T24" fmla="*/ 2147483647 w 44"/>
                  <a:gd name="T25" fmla="*/ 2147483647 h 121"/>
                  <a:gd name="T26" fmla="*/ 2147483647 w 44"/>
                  <a:gd name="T27" fmla="*/ 2147483647 h 121"/>
                  <a:gd name="T28" fmla="*/ 2147483647 w 44"/>
                  <a:gd name="T29" fmla="*/ 2147483647 h 121"/>
                  <a:gd name="T30" fmla="*/ 2147483647 w 44"/>
                  <a:gd name="T31" fmla="*/ 0 h 121"/>
                  <a:gd name="T32" fmla="*/ 2147483647 w 44"/>
                  <a:gd name="T33" fmla="*/ 0 h 121"/>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44"/>
                  <a:gd name="T52" fmla="*/ 0 h 121"/>
                  <a:gd name="T53" fmla="*/ 44 w 44"/>
                  <a:gd name="T54" fmla="*/ 121 h 121"/>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44" h="121">
                    <a:moveTo>
                      <a:pt x="17" y="0"/>
                    </a:moveTo>
                    <a:lnTo>
                      <a:pt x="0" y="8"/>
                    </a:lnTo>
                    <a:lnTo>
                      <a:pt x="0" y="32"/>
                    </a:lnTo>
                    <a:lnTo>
                      <a:pt x="0" y="56"/>
                    </a:lnTo>
                    <a:lnTo>
                      <a:pt x="17" y="64"/>
                    </a:lnTo>
                    <a:lnTo>
                      <a:pt x="26" y="88"/>
                    </a:lnTo>
                    <a:lnTo>
                      <a:pt x="9" y="96"/>
                    </a:lnTo>
                    <a:lnTo>
                      <a:pt x="9" y="104"/>
                    </a:lnTo>
                    <a:lnTo>
                      <a:pt x="26" y="120"/>
                    </a:lnTo>
                    <a:lnTo>
                      <a:pt x="43" y="112"/>
                    </a:lnTo>
                    <a:lnTo>
                      <a:pt x="43" y="88"/>
                    </a:lnTo>
                    <a:lnTo>
                      <a:pt x="34" y="72"/>
                    </a:lnTo>
                    <a:lnTo>
                      <a:pt x="34" y="32"/>
                    </a:lnTo>
                    <a:lnTo>
                      <a:pt x="43" y="24"/>
                    </a:lnTo>
                    <a:lnTo>
                      <a:pt x="43" y="8"/>
                    </a:lnTo>
                    <a:lnTo>
                      <a:pt x="34" y="0"/>
                    </a:lnTo>
                    <a:lnTo>
                      <a:pt x="17" y="0"/>
                    </a:lnTo>
                  </a:path>
                </a:pathLst>
              </a:custGeom>
              <a:solidFill>
                <a:srgbClr val="99CCFF"/>
              </a:solidFill>
              <a:ln w="12700" cap="rnd">
                <a:solidFill>
                  <a:schemeClr val="bg1"/>
                </a:solidFill>
                <a:round/>
                <a:headEnd/>
                <a:tailEnd/>
              </a:ln>
            </p:spPr>
            <p:txBody>
              <a:bodyPr/>
              <a:lstStyle/>
              <a:p>
                <a:endParaRPr lang="de-CH" dirty="0"/>
              </a:p>
            </p:txBody>
          </p:sp>
          <p:sp>
            <p:nvSpPr>
              <p:cNvPr id="111" name="Freeform 132" descr="Blaues Seidenpapier"/>
              <p:cNvSpPr>
                <a:spLocks/>
              </p:cNvSpPr>
              <p:nvPr/>
            </p:nvSpPr>
            <p:spPr bwMode="auto">
              <a:xfrm>
                <a:off x="3268" y="1355"/>
                <a:ext cx="398" cy="275"/>
              </a:xfrm>
              <a:custGeom>
                <a:avLst/>
                <a:gdLst>
                  <a:gd name="T0" fmla="*/ 0 w 304"/>
                  <a:gd name="T1" fmla="*/ 2147483647 h 209"/>
                  <a:gd name="T2" fmla="*/ 0 w 304"/>
                  <a:gd name="T3" fmla="*/ 2147483647 h 209"/>
                  <a:gd name="T4" fmla="*/ 2147483647 w 304"/>
                  <a:gd name="T5" fmla="*/ 2147483647 h 209"/>
                  <a:gd name="T6" fmla="*/ 2147483647 w 304"/>
                  <a:gd name="T7" fmla="*/ 2147483647 h 209"/>
                  <a:gd name="T8" fmla="*/ 2147483647 w 304"/>
                  <a:gd name="T9" fmla="*/ 2147483647 h 209"/>
                  <a:gd name="T10" fmla="*/ 2147483647 w 304"/>
                  <a:gd name="T11" fmla="*/ 2147483647 h 209"/>
                  <a:gd name="T12" fmla="*/ 2147483647 w 304"/>
                  <a:gd name="T13" fmla="*/ 2147483647 h 209"/>
                  <a:gd name="T14" fmla="*/ 2147483647 w 304"/>
                  <a:gd name="T15" fmla="*/ 2147483647 h 209"/>
                  <a:gd name="T16" fmla="*/ 2147483647 w 304"/>
                  <a:gd name="T17" fmla="*/ 2147483647 h 209"/>
                  <a:gd name="T18" fmla="*/ 2147483647 w 304"/>
                  <a:gd name="T19" fmla="*/ 2147483647 h 209"/>
                  <a:gd name="T20" fmla="*/ 2147483647 w 304"/>
                  <a:gd name="T21" fmla="*/ 2147483647 h 209"/>
                  <a:gd name="T22" fmla="*/ 2147483647 w 304"/>
                  <a:gd name="T23" fmla="*/ 2147483647 h 209"/>
                  <a:gd name="T24" fmla="*/ 2147483647 w 304"/>
                  <a:gd name="T25" fmla="*/ 2147483647 h 209"/>
                  <a:gd name="T26" fmla="*/ 2147483647 w 304"/>
                  <a:gd name="T27" fmla="*/ 2147483647 h 209"/>
                  <a:gd name="T28" fmla="*/ 2147483647 w 304"/>
                  <a:gd name="T29" fmla="*/ 2147483647 h 209"/>
                  <a:gd name="T30" fmla="*/ 2147483647 w 304"/>
                  <a:gd name="T31" fmla="*/ 2147483647 h 209"/>
                  <a:gd name="T32" fmla="*/ 2147483647 w 304"/>
                  <a:gd name="T33" fmla="*/ 2147483647 h 209"/>
                  <a:gd name="T34" fmla="*/ 2147483647 w 304"/>
                  <a:gd name="T35" fmla="*/ 2147483647 h 209"/>
                  <a:gd name="T36" fmla="*/ 2147483647 w 304"/>
                  <a:gd name="T37" fmla="*/ 2147483647 h 209"/>
                  <a:gd name="T38" fmla="*/ 2147483647 w 304"/>
                  <a:gd name="T39" fmla="*/ 2147483647 h 209"/>
                  <a:gd name="T40" fmla="*/ 2147483647 w 304"/>
                  <a:gd name="T41" fmla="*/ 2147483647 h 209"/>
                  <a:gd name="T42" fmla="*/ 2147483647 w 304"/>
                  <a:gd name="T43" fmla="*/ 2147483647 h 209"/>
                  <a:gd name="T44" fmla="*/ 2147483647 w 304"/>
                  <a:gd name="T45" fmla="*/ 0 h 209"/>
                  <a:gd name="T46" fmla="*/ 0 w 304"/>
                  <a:gd name="T47" fmla="*/ 2147483647 h 209"/>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04"/>
                  <a:gd name="T73" fmla="*/ 0 h 209"/>
                  <a:gd name="T74" fmla="*/ 304 w 304"/>
                  <a:gd name="T75" fmla="*/ 209 h 209"/>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04" h="209">
                    <a:moveTo>
                      <a:pt x="0" y="8"/>
                    </a:moveTo>
                    <a:lnTo>
                      <a:pt x="0" y="40"/>
                    </a:lnTo>
                    <a:lnTo>
                      <a:pt x="9" y="88"/>
                    </a:lnTo>
                    <a:lnTo>
                      <a:pt x="43" y="128"/>
                    </a:lnTo>
                    <a:lnTo>
                      <a:pt x="87" y="168"/>
                    </a:lnTo>
                    <a:lnTo>
                      <a:pt x="121" y="192"/>
                    </a:lnTo>
                    <a:lnTo>
                      <a:pt x="147" y="208"/>
                    </a:lnTo>
                    <a:lnTo>
                      <a:pt x="199" y="200"/>
                    </a:lnTo>
                    <a:lnTo>
                      <a:pt x="225" y="192"/>
                    </a:lnTo>
                    <a:lnTo>
                      <a:pt x="242" y="208"/>
                    </a:lnTo>
                    <a:lnTo>
                      <a:pt x="286" y="208"/>
                    </a:lnTo>
                    <a:lnTo>
                      <a:pt x="303" y="192"/>
                    </a:lnTo>
                    <a:lnTo>
                      <a:pt x="303" y="176"/>
                    </a:lnTo>
                    <a:lnTo>
                      <a:pt x="260" y="176"/>
                    </a:lnTo>
                    <a:lnTo>
                      <a:pt x="234" y="176"/>
                    </a:lnTo>
                    <a:lnTo>
                      <a:pt x="199" y="176"/>
                    </a:lnTo>
                    <a:lnTo>
                      <a:pt x="147" y="168"/>
                    </a:lnTo>
                    <a:lnTo>
                      <a:pt x="113" y="136"/>
                    </a:lnTo>
                    <a:lnTo>
                      <a:pt x="78" y="128"/>
                    </a:lnTo>
                    <a:lnTo>
                      <a:pt x="43" y="96"/>
                    </a:lnTo>
                    <a:lnTo>
                      <a:pt x="26" y="56"/>
                    </a:lnTo>
                    <a:lnTo>
                      <a:pt x="26" y="24"/>
                    </a:lnTo>
                    <a:lnTo>
                      <a:pt x="17" y="0"/>
                    </a:lnTo>
                    <a:lnTo>
                      <a:pt x="0" y="8"/>
                    </a:lnTo>
                  </a:path>
                </a:pathLst>
              </a:custGeom>
              <a:solidFill>
                <a:srgbClr val="99CCFF"/>
              </a:solidFill>
              <a:ln w="12700" cap="rnd">
                <a:solidFill>
                  <a:schemeClr val="bg1"/>
                </a:solidFill>
                <a:round/>
                <a:headEnd/>
                <a:tailEnd/>
              </a:ln>
            </p:spPr>
            <p:txBody>
              <a:bodyPr/>
              <a:lstStyle/>
              <a:p>
                <a:endParaRPr lang="de-CH" dirty="0"/>
              </a:p>
            </p:txBody>
          </p:sp>
          <p:sp>
            <p:nvSpPr>
              <p:cNvPr id="112" name="Freeform 133" descr="Blaues Seidenpapier"/>
              <p:cNvSpPr>
                <a:spLocks/>
              </p:cNvSpPr>
              <p:nvPr/>
            </p:nvSpPr>
            <p:spPr bwMode="auto">
              <a:xfrm>
                <a:off x="3813" y="1703"/>
                <a:ext cx="251" cy="54"/>
              </a:xfrm>
              <a:custGeom>
                <a:avLst/>
                <a:gdLst>
                  <a:gd name="T0" fmla="*/ 0 w 192"/>
                  <a:gd name="T1" fmla="*/ 2147483647 h 41"/>
                  <a:gd name="T2" fmla="*/ 2147483647 w 192"/>
                  <a:gd name="T3" fmla="*/ 2147483647 h 41"/>
                  <a:gd name="T4" fmla="*/ 2147483647 w 192"/>
                  <a:gd name="T5" fmla="*/ 2147483647 h 41"/>
                  <a:gd name="T6" fmla="*/ 2147483647 w 192"/>
                  <a:gd name="T7" fmla="*/ 2147483647 h 41"/>
                  <a:gd name="T8" fmla="*/ 2147483647 w 192"/>
                  <a:gd name="T9" fmla="*/ 2147483647 h 41"/>
                  <a:gd name="T10" fmla="*/ 2147483647 w 192"/>
                  <a:gd name="T11" fmla="*/ 2147483647 h 41"/>
                  <a:gd name="T12" fmla="*/ 2147483647 w 192"/>
                  <a:gd name="T13" fmla="*/ 2147483647 h 41"/>
                  <a:gd name="T14" fmla="*/ 2147483647 w 192"/>
                  <a:gd name="T15" fmla="*/ 2147483647 h 41"/>
                  <a:gd name="T16" fmla="*/ 2147483647 w 192"/>
                  <a:gd name="T17" fmla="*/ 2147483647 h 41"/>
                  <a:gd name="T18" fmla="*/ 2147483647 w 192"/>
                  <a:gd name="T19" fmla="*/ 0 h 41"/>
                  <a:gd name="T20" fmla="*/ 2147483647 w 192"/>
                  <a:gd name="T21" fmla="*/ 2147483647 h 41"/>
                  <a:gd name="T22" fmla="*/ 2147483647 w 192"/>
                  <a:gd name="T23" fmla="*/ 2147483647 h 41"/>
                  <a:gd name="T24" fmla="*/ 0 w 192"/>
                  <a:gd name="T25" fmla="*/ 2147483647 h 4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92"/>
                  <a:gd name="T40" fmla="*/ 0 h 41"/>
                  <a:gd name="T41" fmla="*/ 192 w 192"/>
                  <a:gd name="T42" fmla="*/ 41 h 41"/>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92" h="41">
                    <a:moveTo>
                      <a:pt x="0" y="24"/>
                    </a:moveTo>
                    <a:lnTo>
                      <a:pt x="17" y="40"/>
                    </a:lnTo>
                    <a:lnTo>
                      <a:pt x="61" y="40"/>
                    </a:lnTo>
                    <a:lnTo>
                      <a:pt x="96" y="40"/>
                    </a:lnTo>
                    <a:lnTo>
                      <a:pt x="122" y="40"/>
                    </a:lnTo>
                    <a:lnTo>
                      <a:pt x="156" y="32"/>
                    </a:lnTo>
                    <a:lnTo>
                      <a:pt x="182" y="32"/>
                    </a:lnTo>
                    <a:lnTo>
                      <a:pt x="191" y="16"/>
                    </a:lnTo>
                    <a:lnTo>
                      <a:pt x="182" y="8"/>
                    </a:lnTo>
                    <a:lnTo>
                      <a:pt x="122" y="0"/>
                    </a:lnTo>
                    <a:lnTo>
                      <a:pt x="69" y="8"/>
                    </a:lnTo>
                    <a:lnTo>
                      <a:pt x="26" y="8"/>
                    </a:lnTo>
                    <a:lnTo>
                      <a:pt x="0" y="24"/>
                    </a:lnTo>
                  </a:path>
                </a:pathLst>
              </a:custGeom>
              <a:solidFill>
                <a:srgbClr val="99CCFF"/>
              </a:solidFill>
              <a:ln w="12700" cap="rnd">
                <a:solidFill>
                  <a:schemeClr val="bg1"/>
                </a:solidFill>
                <a:round/>
                <a:headEnd/>
                <a:tailEnd/>
              </a:ln>
            </p:spPr>
            <p:txBody>
              <a:bodyPr/>
              <a:lstStyle/>
              <a:p>
                <a:endParaRPr lang="de-CH" dirty="0"/>
              </a:p>
            </p:txBody>
          </p:sp>
          <p:sp>
            <p:nvSpPr>
              <p:cNvPr id="113" name="Freeform 134" descr="Blaues Seidenpapier"/>
              <p:cNvSpPr>
                <a:spLocks/>
              </p:cNvSpPr>
              <p:nvPr/>
            </p:nvSpPr>
            <p:spPr bwMode="auto">
              <a:xfrm>
                <a:off x="2838" y="1671"/>
                <a:ext cx="80" cy="75"/>
              </a:xfrm>
              <a:custGeom>
                <a:avLst/>
                <a:gdLst>
                  <a:gd name="T0" fmla="*/ 2147483647 w 61"/>
                  <a:gd name="T1" fmla="*/ 2147483647 h 57"/>
                  <a:gd name="T2" fmla="*/ 2147483647 w 61"/>
                  <a:gd name="T3" fmla="*/ 2147483647 h 57"/>
                  <a:gd name="T4" fmla="*/ 2147483647 w 61"/>
                  <a:gd name="T5" fmla="*/ 2147483647 h 57"/>
                  <a:gd name="T6" fmla="*/ 2147483647 w 61"/>
                  <a:gd name="T7" fmla="*/ 2147483647 h 57"/>
                  <a:gd name="T8" fmla="*/ 2147483647 w 61"/>
                  <a:gd name="T9" fmla="*/ 2147483647 h 57"/>
                  <a:gd name="T10" fmla="*/ 2147483647 w 61"/>
                  <a:gd name="T11" fmla="*/ 2147483647 h 57"/>
                  <a:gd name="T12" fmla="*/ 0 w 61"/>
                  <a:gd name="T13" fmla="*/ 2147483647 h 57"/>
                  <a:gd name="T14" fmla="*/ 0 w 61"/>
                  <a:gd name="T15" fmla="*/ 2147483647 h 57"/>
                  <a:gd name="T16" fmla="*/ 0 w 61"/>
                  <a:gd name="T17" fmla="*/ 0 h 57"/>
                  <a:gd name="T18" fmla="*/ 2147483647 w 61"/>
                  <a:gd name="T19" fmla="*/ 0 h 57"/>
                  <a:gd name="T20" fmla="*/ 2147483647 w 61"/>
                  <a:gd name="T21" fmla="*/ 2147483647 h 57"/>
                  <a:gd name="T22" fmla="*/ 2147483647 w 61"/>
                  <a:gd name="T23" fmla="*/ 2147483647 h 57"/>
                  <a:gd name="T24" fmla="*/ 2147483647 w 61"/>
                  <a:gd name="T25" fmla="*/ 2147483647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61"/>
                  <a:gd name="T40" fmla="*/ 0 h 57"/>
                  <a:gd name="T41" fmla="*/ 61 w 61"/>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61" h="57">
                    <a:moveTo>
                      <a:pt x="60" y="40"/>
                    </a:moveTo>
                    <a:lnTo>
                      <a:pt x="60" y="48"/>
                    </a:lnTo>
                    <a:lnTo>
                      <a:pt x="60" y="56"/>
                    </a:lnTo>
                    <a:lnTo>
                      <a:pt x="43" y="56"/>
                    </a:lnTo>
                    <a:lnTo>
                      <a:pt x="26" y="48"/>
                    </a:lnTo>
                    <a:lnTo>
                      <a:pt x="9" y="32"/>
                    </a:lnTo>
                    <a:lnTo>
                      <a:pt x="0" y="24"/>
                    </a:lnTo>
                    <a:lnTo>
                      <a:pt x="0" y="16"/>
                    </a:lnTo>
                    <a:lnTo>
                      <a:pt x="0" y="0"/>
                    </a:lnTo>
                    <a:lnTo>
                      <a:pt x="9" y="0"/>
                    </a:lnTo>
                    <a:lnTo>
                      <a:pt x="26" y="16"/>
                    </a:lnTo>
                    <a:lnTo>
                      <a:pt x="43" y="24"/>
                    </a:lnTo>
                    <a:lnTo>
                      <a:pt x="60" y="40"/>
                    </a:lnTo>
                  </a:path>
                </a:pathLst>
              </a:custGeom>
              <a:solidFill>
                <a:srgbClr val="99CCFF"/>
              </a:solidFill>
              <a:ln w="12700" cap="rnd">
                <a:solidFill>
                  <a:schemeClr val="bg1"/>
                </a:solidFill>
                <a:round/>
                <a:headEnd/>
                <a:tailEnd/>
              </a:ln>
            </p:spPr>
            <p:txBody>
              <a:bodyPr/>
              <a:lstStyle/>
              <a:p>
                <a:endParaRPr lang="de-CH" dirty="0"/>
              </a:p>
            </p:txBody>
          </p:sp>
        </p:grpSp>
        <p:sp>
          <p:nvSpPr>
            <p:cNvPr id="9" name="Freeform 95"/>
            <p:cNvSpPr>
              <a:spLocks/>
            </p:cNvSpPr>
            <p:nvPr/>
          </p:nvSpPr>
          <p:spPr bwMode="auto">
            <a:xfrm>
              <a:off x="4803775" y="1651000"/>
              <a:ext cx="596900" cy="387350"/>
            </a:xfrm>
            <a:custGeom>
              <a:avLst/>
              <a:gdLst>
                <a:gd name="T0" fmla="*/ 2147483647 w 287"/>
                <a:gd name="T1" fmla="*/ 2147483647 h 185"/>
                <a:gd name="T2" fmla="*/ 2147483647 w 287"/>
                <a:gd name="T3" fmla="*/ 2147483647 h 185"/>
                <a:gd name="T4" fmla="*/ 2147483647 w 287"/>
                <a:gd name="T5" fmla="*/ 2147483647 h 185"/>
                <a:gd name="T6" fmla="*/ 2147483647 w 287"/>
                <a:gd name="T7" fmla="*/ 2147483647 h 185"/>
                <a:gd name="T8" fmla="*/ 2147483647 w 287"/>
                <a:gd name="T9" fmla="*/ 2147483647 h 185"/>
                <a:gd name="T10" fmla="*/ 0 w 287"/>
                <a:gd name="T11" fmla="*/ 2147483647 h 185"/>
                <a:gd name="T12" fmla="*/ 2147483647 w 287"/>
                <a:gd name="T13" fmla="*/ 2147483647 h 185"/>
                <a:gd name="T14" fmla="*/ 2147483647 w 287"/>
                <a:gd name="T15" fmla="*/ 2147483647 h 185"/>
                <a:gd name="T16" fmla="*/ 2147483647 w 287"/>
                <a:gd name="T17" fmla="*/ 2147483647 h 185"/>
                <a:gd name="T18" fmla="*/ 2147483647 w 287"/>
                <a:gd name="T19" fmla="*/ 2147483647 h 185"/>
                <a:gd name="T20" fmla="*/ 2147483647 w 287"/>
                <a:gd name="T21" fmla="*/ 0 h 185"/>
                <a:gd name="T22" fmla="*/ 2147483647 w 287"/>
                <a:gd name="T23" fmla="*/ 0 h 185"/>
                <a:gd name="T24" fmla="*/ 2147483647 w 287"/>
                <a:gd name="T25" fmla="*/ 2147483647 h 185"/>
                <a:gd name="T26" fmla="*/ 2147483647 w 287"/>
                <a:gd name="T27" fmla="*/ 2147483647 h 185"/>
                <a:gd name="T28" fmla="*/ 2147483647 w 287"/>
                <a:gd name="T29" fmla="*/ 2147483647 h 185"/>
                <a:gd name="T30" fmla="*/ 2147483647 w 287"/>
                <a:gd name="T31" fmla="*/ 2147483647 h 185"/>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87"/>
                <a:gd name="T49" fmla="*/ 0 h 185"/>
                <a:gd name="T50" fmla="*/ 287 w 287"/>
                <a:gd name="T51" fmla="*/ 185 h 185"/>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87" h="185">
                  <a:moveTo>
                    <a:pt x="269" y="120"/>
                  </a:moveTo>
                  <a:lnTo>
                    <a:pt x="225" y="120"/>
                  </a:lnTo>
                  <a:lnTo>
                    <a:pt x="165" y="160"/>
                  </a:lnTo>
                  <a:lnTo>
                    <a:pt x="104" y="168"/>
                  </a:lnTo>
                  <a:lnTo>
                    <a:pt x="52" y="184"/>
                  </a:lnTo>
                  <a:lnTo>
                    <a:pt x="0" y="136"/>
                  </a:lnTo>
                  <a:lnTo>
                    <a:pt x="43" y="64"/>
                  </a:lnTo>
                  <a:lnTo>
                    <a:pt x="78" y="24"/>
                  </a:lnTo>
                  <a:lnTo>
                    <a:pt x="121" y="16"/>
                  </a:lnTo>
                  <a:lnTo>
                    <a:pt x="173" y="8"/>
                  </a:lnTo>
                  <a:lnTo>
                    <a:pt x="182" y="0"/>
                  </a:lnTo>
                  <a:lnTo>
                    <a:pt x="217" y="0"/>
                  </a:lnTo>
                  <a:lnTo>
                    <a:pt x="286" y="56"/>
                  </a:lnTo>
                  <a:lnTo>
                    <a:pt x="286" y="80"/>
                  </a:lnTo>
                  <a:lnTo>
                    <a:pt x="277" y="104"/>
                  </a:lnTo>
                  <a:lnTo>
                    <a:pt x="269" y="120"/>
                  </a:lnTo>
                </a:path>
              </a:pathLst>
            </a:custGeom>
            <a:solidFill>
              <a:srgbClr val="808080"/>
            </a:solidFill>
            <a:ln w="12700" cap="rnd">
              <a:solidFill>
                <a:schemeClr val="bg1"/>
              </a:solidFill>
              <a:round/>
              <a:headEnd/>
              <a:tailEnd/>
            </a:ln>
          </p:spPr>
          <p:txBody>
            <a:bodyPr/>
            <a:lstStyle/>
            <a:p>
              <a:endParaRPr lang="de-CH" dirty="0"/>
            </a:p>
          </p:txBody>
        </p:sp>
        <p:grpSp>
          <p:nvGrpSpPr>
            <p:cNvPr id="10" name="Group 95"/>
            <p:cNvGrpSpPr>
              <a:grpSpLocks/>
            </p:cNvGrpSpPr>
            <p:nvPr/>
          </p:nvGrpSpPr>
          <p:grpSpPr bwMode="auto">
            <a:xfrm>
              <a:off x="814388" y="1628775"/>
              <a:ext cx="6338887" cy="5167313"/>
              <a:chOff x="513" y="692"/>
              <a:chExt cx="3993" cy="3255"/>
            </a:xfrm>
          </p:grpSpPr>
          <p:sp>
            <p:nvSpPr>
              <p:cNvPr id="86" name="Freeform 121" descr="Blaues Seidenpapier"/>
              <p:cNvSpPr>
                <a:spLocks/>
              </p:cNvSpPr>
              <p:nvPr/>
            </p:nvSpPr>
            <p:spPr bwMode="auto">
              <a:xfrm>
                <a:off x="3608" y="692"/>
                <a:ext cx="898" cy="486"/>
              </a:xfrm>
              <a:custGeom>
                <a:avLst/>
                <a:gdLst>
                  <a:gd name="T0" fmla="*/ 2147483647 w 686"/>
                  <a:gd name="T1" fmla="*/ 2147483647 h 369"/>
                  <a:gd name="T2" fmla="*/ 2147483647 w 686"/>
                  <a:gd name="T3" fmla="*/ 2147483647 h 369"/>
                  <a:gd name="T4" fmla="*/ 2147483647 w 686"/>
                  <a:gd name="T5" fmla="*/ 2147483647 h 369"/>
                  <a:gd name="T6" fmla="*/ 2147483647 w 686"/>
                  <a:gd name="T7" fmla="*/ 2147483647 h 369"/>
                  <a:gd name="T8" fmla="*/ 2147483647 w 686"/>
                  <a:gd name="T9" fmla="*/ 2147483647 h 369"/>
                  <a:gd name="T10" fmla="*/ 2147483647 w 686"/>
                  <a:gd name="T11" fmla="*/ 2147483647 h 369"/>
                  <a:gd name="T12" fmla="*/ 2147483647 w 686"/>
                  <a:gd name="T13" fmla="*/ 2147483647 h 369"/>
                  <a:gd name="T14" fmla="*/ 2147483647 w 686"/>
                  <a:gd name="T15" fmla="*/ 2147483647 h 369"/>
                  <a:gd name="T16" fmla="*/ 2147483647 w 686"/>
                  <a:gd name="T17" fmla="*/ 2147483647 h 369"/>
                  <a:gd name="T18" fmla="*/ 2147483647 w 686"/>
                  <a:gd name="T19" fmla="*/ 2147483647 h 369"/>
                  <a:gd name="T20" fmla="*/ 2147483647 w 686"/>
                  <a:gd name="T21" fmla="*/ 2147483647 h 369"/>
                  <a:gd name="T22" fmla="*/ 2147483647 w 686"/>
                  <a:gd name="T23" fmla="*/ 2147483647 h 369"/>
                  <a:gd name="T24" fmla="*/ 2147483647 w 686"/>
                  <a:gd name="T25" fmla="*/ 2147483647 h 369"/>
                  <a:gd name="T26" fmla="*/ 2147483647 w 686"/>
                  <a:gd name="T27" fmla="*/ 2147483647 h 369"/>
                  <a:gd name="T28" fmla="*/ 2147483647 w 686"/>
                  <a:gd name="T29" fmla="*/ 2147483647 h 369"/>
                  <a:gd name="T30" fmla="*/ 2147483647 w 686"/>
                  <a:gd name="T31" fmla="*/ 2147483647 h 369"/>
                  <a:gd name="T32" fmla="*/ 2147483647 w 686"/>
                  <a:gd name="T33" fmla="*/ 2147483647 h 369"/>
                  <a:gd name="T34" fmla="*/ 2147483647 w 686"/>
                  <a:gd name="T35" fmla="*/ 2147483647 h 369"/>
                  <a:gd name="T36" fmla="*/ 2147483647 w 686"/>
                  <a:gd name="T37" fmla="*/ 2147483647 h 369"/>
                  <a:gd name="T38" fmla="*/ 2147483647 w 686"/>
                  <a:gd name="T39" fmla="*/ 2147483647 h 369"/>
                  <a:gd name="T40" fmla="*/ 2147483647 w 686"/>
                  <a:gd name="T41" fmla="*/ 2147483647 h 369"/>
                  <a:gd name="T42" fmla="*/ 2147483647 w 686"/>
                  <a:gd name="T43" fmla="*/ 2147483647 h 369"/>
                  <a:gd name="T44" fmla="*/ 2147483647 w 686"/>
                  <a:gd name="T45" fmla="*/ 2147483647 h 369"/>
                  <a:gd name="T46" fmla="*/ 2147483647 w 686"/>
                  <a:gd name="T47" fmla="*/ 2147483647 h 369"/>
                  <a:gd name="T48" fmla="*/ 2147483647 w 686"/>
                  <a:gd name="T49" fmla="*/ 2147483647 h 369"/>
                  <a:gd name="T50" fmla="*/ 2147483647 w 686"/>
                  <a:gd name="T51" fmla="*/ 2147483647 h 369"/>
                  <a:gd name="T52" fmla="*/ 2147483647 w 686"/>
                  <a:gd name="T53" fmla="*/ 0 h 369"/>
                  <a:gd name="T54" fmla="*/ 2147483647 w 686"/>
                  <a:gd name="T55" fmla="*/ 2147483647 h 369"/>
                  <a:gd name="T56" fmla="*/ 2147483647 w 686"/>
                  <a:gd name="T57" fmla="*/ 2147483647 h 369"/>
                  <a:gd name="T58" fmla="*/ 2147483647 w 686"/>
                  <a:gd name="T59" fmla="*/ 2147483647 h 369"/>
                  <a:gd name="T60" fmla="*/ 2147483647 w 686"/>
                  <a:gd name="T61" fmla="*/ 2147483647 h 369"/>
                  <a:gd name="T62" fmla="*/ 2147483647 w 686"/>
                  <a:gd name="T63" fmla="*/ 2147483647 h 369"/>
                  <a:gd name="T64" fmla="*/ 2147483647 w 686"/>
                  <a:gd name="T65" fmla="*/ 2147483647 h 369"/>
                  <a:gd name="T66" fmla="*/ 2147483647 w 686"/>
                  <a:gd name="T67" fmla="*/ 2147483647 h 369"/>
                  <a:gd name="T68" fmla="*/ 2147483647 w 686"/>
                  <a:gd name="T69" fmla="*/ 2147483647 h 369"/>
                  <a:gd name="T70" fmla="*/ 2147483647 w 686"/>
                  <a:gd name="T71" fmla="*/ 2147483647 h 369"/>
                  <a:gd name="T72" fmla="*/ 2147483647 w 686"/>
                  <a:gd name="T73" fmla="*/ 2147483647 h 369"/>
                  <a:gd name="T74" fmla="*/ 2147483647 w 686"/>
                  <a:gd name="T75" fmla="*/ 2147483647 h 369"/>
                  <a:gd name="T76" fmla="*/ 2147483647 w 686"/>
                  <a:gd name="T77" fmla="*/ 2147483647 h 369"/>
                  <a:gd name="T78" fmla="*/ 2147483647 w 686"/>
                  <a:gd name="T79" fmla="*/ 2147483647 h 369"/>
                  <a:gd name="T80" fmla="*/ 2147483647 w 686"/>
                  <a:gd name="T81" fmla="*/ 2147483647 h 369"/>
                  <a:gd name="T82" fmla="*/ 2147483647 w 686"/>
                  <a:gd name="T83" fmla="*/ 2147483647 h 369"/>
                  <a:gd name="T84" fmla="*/ 2147483647 w 686"/>
                  <a:gd name="T85" fmla="*/ 2147483647 h 369"/>
                  <a:gd name="T86" fmla="*/ 0 w 686"/>
                  <a:gd name="T87" fmla="*/ 2147483647 h 369"/>
                  <a:gd name="T88" fmla="*/ 2147483647 w 686"/>
                  <a:gd name="T89" fmla="*/ 2147483647 h 369"/>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86"/>
                  <a:gd name="T136" fmla="*/ 0 h 369"/>
                  <a:gd name="T137" fmla="*/ 686 w 686"/>
                  <a:gd name="T138" fmla="*/ 369 h 369"/>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86" h="369">
                    <a:moveTo>
                      <a:pt x="17" y="184"/>
                    </a:moveTo>
                    <a:lnTo>
                      <a:pt x="69" y="152"/>
                    </a:lnTo>
                    <a:lnTo>
                      <a:pt x="121" y="144"/>
                    </a:lnTo>
                    <a:lnTo>
                      <a:pt x="165" y="144"/>
                    </a:lnTo>
                    <a:lnTo>
                      <a:pt x="217" y="160"/>
                    </a:lnTo>
                    <a:lnTo>
                      <a:pt x="277" y="200"/>
                    </a:lnTo>
                    <a:lnTo>
                      <a:pt x="347" y="224"/>
                    </a:lnTo>
                    <a:lnTo>
                      <a:pt x="382" y="272"/>
                    </a:lnTo>
                    <a:lnTo>
                      <a:pt x="408" y="312"/>
                    </a:lnTo>
                    <a:lnTo>
                      <a:pt x="460" y="336"/>
                    </a:lnTo>
                    <a:lnTo>
                      <a:pt x="494" y="368"/>
                    </a:lnTo>
                    <a:lnTo>
                      <a:pt x="546" y="360"/>
                    </a:lnTo>
                    <a:lnTo>
                      <a:pt x="590" y="344"/>
                    </a:lnTo>
                    <a:lnTo>
                      <a:pt x="607" y="336"/>
                    </a:lnTo>
                    <a:lnTo>
                      <a:pt x="633" y="352"/>
                    </a:lnTo>
                    <a:lnTo>
                      <a:pt x="668" y="328"/>
                    </a:lnTo>
                    <a:lnTo>
                      <a:pt x="685" y="320"/>
                    </a:lnTo>
                    <a:lnTo>
                      <a:pt x="642" y="256"/>
                    </a:lnTo>
                    <a:lnTo>
                      <a:pt x="546" y="240"/>
                    </a:lnTo>
                    <a:lnTo>
                      <a:pt x="486" y="224"/>
                    </a:lnTo>
                    <a:lnTo>
                      <a:pt x="434" y="168"/>
                    </a:lnTo>
                    <a:lnTo>
                      <a:pt x="390" y="144"/>
                    </a:lnTo>
                    <a:lnTo>
                      <a:pt x="303" y="136"/>
                    </a:lnTo>
                    <a:lnTo>
                      <a:pt x="243" y="104"/>
                    </a:lnTo>
                    <a:lnTo>
                      <a:pt x="217" y="72"/>
                    </a:lnTo>
                    <a:lnTo>
                      <a:pt x="173" y="32"/>
                    </a:lnTo>
                    <a:lnTo>
                      <a:pt x="130" y="0"/>
                    </a:lnTo>
                    <a:lnTo>
                      <a:pt x="113" y="16"/>
                    </a:lnTo>
                    <a:lnTo>
                      <a:pt x="121" y="32"/>
                    </a:lnTo>
                    <a:lnTo>
                      <a:pt x="147" y="48"/>
                    </a:lnTo>
                    <a:lnTo>
                      <a:pt x="182" y="80"/>
                    </a:lnTo>
                    <a:lnTo>
                      <a:pt x="217" y="104"/>
                    </a:lnTo>
                    <a:lnTo>
                      <a:pt x="191" y="128"/>
                    </a:lnTo>
                    <a:lnTo>
                      <a:pt x="165" y="120"/>
                    </a:lnTo>
                    <a:lnTo>
                      <a:pt x="130" y="96"/>
                    </a:lnTo>
                    <a:lnTo>
                      <a:pt x="78" y="72"/>
                    </a:lnTo>
                    <a:lnTo>
                      <a:pt x="43" y="72"/>
                    </a:lnTo>
                    <a:lnTo>
                      <a:pt x="26" y="80"/>
                    </a:lnTo>
                    <a:lnTo>
                      <a:pt x="43" y="88"/>
                    </a:lnTo>
                    <a:lnTo>
                      <a:pt x="69" y="96"/>
                    </a:lnTo>
                    <a:lnTo>
                      <a:pt x="87" y="128"/>
                    </a:lnTo>
                    <a:lnTo>
                      <a:pt x="43" y="144"/>
                    </a:lnTo>
                    <a:lnTo>
                      <a:pt x="17" y="160"/>
                    </a:lnTo>
                    <a:lnTo>
                      <a:pt x="0" y="168"/>
                    </a:lnTo>
                    <a:lnTo>
                      <a:pt x="17" y="184"/>
                    </a:lnTo>
                  </a:path>
                </a:pathLst>
              </a:custGeom>
              <a:solidFill>
                <a:srgbClr val="99CCFF"/>
              </a:solidFill>
              <a:ln w="12700" cap="rnd">
                <a:solidFill>
                  <a:schemeClr val="bg1"/>
                </a:solidFill>
                <a:round/>
                <a:headEnd/>
                <a:tailEnd/>
              </a:ln>
            </p:spPr>
            <p:txBody>
              <a:bodyPr/>
              <a:lstStyle/>
              <a:p>
                <a:endParaRPr lang="de-CH" dirty="0"/>
              </a:p>
            </p:txBody>
          </p:sp>
          <p:sp>
            <p:nvSpPr>
              <p:cNvPr id="87" name="Freeform 122" descr="Blaues Seidenpapier"/>
              <p:cNvSpPr>
                <a:spLocks/>
              </p:cNvSpPr>
              <p:nvPr/>
            </p:nvSpPr>
            <p:spPr bwMode="auto">
              <a:xfrm>
                <a:off x="3212" y="3293"/>
                <a:ext cx="454" cy="654"/>
              </a:xfrm>
              <a:custGeom>
                <a:avLst/>
                <a:gdLst>
                  <a:gd name="T0" fmla="*/ 2147483647 w 347"/>
                  <a:gd name="T1" fmla="*/ 2147483647 h 497"/>
                  <a:gd name="T2" fmla="*/ 2147483647 w 347"/>
                  <a:gd name="T3" fmla="*/ 2147483647 h 497"/>
                  <a:gd name="T4" fmla="*/ 2147483647 w 347"/>
                  <a:gd name="T5" fmla="*/ 2147483647 h 497"/>
                  <a:gd name="T6" fmla="*/ 2147483647 w 347"/>
                  <a:gd name="T7" fmla="*/ 0 h 497"/>
                  <a:gd name="T8" fmla="*/ 2147483647 w 347"/>
                  <a:gd name="T9" fmla="*/ 0 h 497"/>
                  <a:gd name="T10" fmla="*/ 2147483647 w 347"/>
                  <a:gd name="T11" fmla="*/ 2147483647 h 497"/>
                  <a:gd name="T12" fmla="*/ 2147483647 w 347"/>
                  <a:gd name="T13" fmla="*/ 2147483647 h 497"/>
                  <a:gd name="T14" fmla="*/ 2147483647 w 347"/>
                  <a:gd name="T15" fmla="*/ 2147483647 h 497"/>
                  <a:gd name="T16" fmla="*/ 2147483647 w 347"/>
                  <a:gd name="T17" fmla="*/ 2147483647 h 497"/>
                  <a:gd name="T18" fmla="*/ 2147483647 w 347"/>
                  <a:gd name="T19" fmla="*/ 2147483647 h 497"/>
                  <a:gd name="T20" fmla="*/ 2147483647 w 347"/>
                  <a:gd name="T21" fmla="*/ 2147483647 h 497"/>
                  <a:gd name="T22" fmla="*/ 2147483647 w 347"/>
                  <a:gd name="T23" fmla="*/ 2147483647 h 497"/>
                  <a:gd name="T24" fmla="*/ 2147483647 w 347"/>
                  <a:gd name="T25" fmla="*/ 2147483647 h 497"/>
                  <a:gd name="T26" fmla="*/ 2147483647 w 347"/>
                  <a:gd name="T27" fmla="*/ 2147483647 h 497"/>
                  <a:gd name="T28" fmla="*/ 2147483647 w 347"/>
                  <a:gd name="T29" fmla="*/ 2147483647 h 497"/>
                  <a:gd name="T30" fmla="*/ 2147483647 w 347"/>
                  <a:gd name="T31" fmla="*/ 2147483647 h 497"/>
                  <a:gd name="T32" fmla="*/ 0 w 347"/>
                  <a:gd name="T33" fmla="*/ 2147483647 h 497"/>
                  <a:gd name="T34" fmla="*/ 2147483647 w 347"/>
                  <a:gd name="T35" fmla="*/ 2147483647 h 497"/>
                  <a:gd name="T36" fmla="*/ 2147483647 w 347"/>
                  <a:gd name="T37" fmla="*/ 2147483647 h 497"/>
                  <a:gd name="T38" fmla="*/ 2147483647 w 347"/>
                  <a:gd name="T39" fmla="*/ 2147483647 h 497"/>
                  <a:gd name="T40" fmla="*/ 2147483647 w 347"/>
                  <a:gd name="T41" fmla="*/ 2147483647 h 497"/>
                  <a:gd name="T42" fmla="*/ 2147483647 w 347"/>
                  <a:gd name="T43" fmla="*/ 2147483647 h 497"/>
                  <a:gd name="T44" fmla="*/ 2147483647 w 347"/>
                  <a:gd name="T45" fmla="*/ 2147483647 h 497"/>
                  <a:gd name="T46" fmla="*/ 2147483647 w 347"/>
                  <a:gd name="T47" fmla="*/ 2147483647 h 497"/>
                  <a:gd name="T48" fmla="*/ 2147483647 w 347"/>
                  <a:gd name="T49" fmla="*/ 2147483647 h 497"/>
                  <a:gd name="T50" fmla="*/ 2147483647 w 347"/>
                  <a:gd name="T51" fmla="*/ 2147483647 h 497"/>
                  <a:gd name="T52" fmla="*/ 2147483647 w 347"/>
                  <a:gd name="T53" fmla="*/ 2147483647 h 497"/>
                  <a:gd name="T54" fmla="*/ 2147483647 w 347"/>
                  <a:gd name="T55" fmla="*/ 2147483647 h 497"/>
                  <a:gd name="T56" fmla="*/ 2147483647 w 347"/>
                  <a:gd name="T57" fmla="*/ 2147483647 h 497"/>
                  <a:gd name="T58" fmla="*/ 2147483647 w 347"/>
                  <a:gd name="T59" fmla="*/ 2147483647 h 497"/>
                  <a:gd name="T60" fmla="*/ 2147483647 w 347"/>
                  <a:gd name="T61" fmla="*/ 2147483647 h 497"/>
                  <a:gd name="T62" fmla="*/ 2147483647 w 347"/>
                  <a:gd name="T63" fmla="*/ 2147483647 h 497"/>
                  <a:gd name="T64" fmla="*/ 2147483647 w 347"/>
                  <a:gd name="T65" fmla="*/ 2147483647 h 497"/>
                  <a:gd name="T66" fmla="*/ 2147483647 w 347"/>
                  <a:gd name="T67" fmla="*/ 2147483647 h 497"/>
                  <a:gd name="T68" fmla="*/ 2147483647 w 347"/>
                  <a:gd name="T69" fmla="*/ 2147483647 h 497"/>
                  <a:gd name="T70" fmla="*/ 2147483647 w 347"/>
                  <a:gd name="T71" fmla="*/ 2147483647 h 497"/>
                  <a:gd name="T72" fmla="*/ 2147483647 w 347"/>
                  <a:gd name="T73" fmla="*/ 2147483647 h 497"/>
                  <a:gd name="T74" fmla="*/ 2147483647 w 347"/>
                  <a:gd name="T75" fmla="*/ 2147483647 h 497"/>
                  <a:gd name="T76" fmla="*/ 2147483647 w 347"/>
                  <a:gd name="T77" fmla="*/ 2147483647 h 497"/>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347"/>
                  <a:gd name="T118" fmla="*/ 0 h 497"/>
                  <a:gd name="T119" fmla="*/ 347 w 347"/>
                  <a:gd name="T120" fmla="*/ 497 h 497"/>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347" h="497">
                    <a:moveTo>
                      <a:pt x="294" y="40"/>
                    </a:moveTo>
                    <a:lnTo>
                      <a:pt x="329" y="32"/>
                    </a:lnTo>
                    <a:lnTo>
                      <a:pt x="346" y="16"/>
                    </a:lnTo>
                    <a:lnTo>
                      <a:pt x="311" y="0"/>
                    </a:lnTo>
                    <a:lnTo>
                      <a:pt x="303" y="0"/>
                    </a:lnTo>
                    <a:lnTo>
                      <a:pt x="277" y="16"/>
                    </a:lnTo>
                    <a:lnTo>
                      <a:pt x="268" y="8"/>
                    </a:lnTo>
                    <a:lnTo>
                      <a:pt x="251" y="8"/>
                    </a:lnTo>
                    <a:lnTo>
                      <a:pt x="225" y="24"/>
                    </a:lnTo>
                    <a:lnTo>
                      <a:pt x="199" y="40"/>
                    </a:lnTo>
                    <a:lnTo>
                      <a:pt x="182" y="64"/>
                    </a:lnTo>
                    <a:lnTo>
                      <a:pt x="182" y="128"/>
                    </a:lnTo>
                    <a:lnTo>
                      <a:pt x="130" y="176"/>
                    </a:lnTo>
                    <a:lnTo>
                      <a:pt x="78" y="232"/>
                    </a:lnTo>
                    <a:lnTo>
                      <a:pt x="52" y="232"/>
                    </a:lnTo>
                    <a:lnTo>
                      <a:pt x="26" y="200"/>
                    </a:lnTo>
                    <a:lnTo>
                      <a:pt x="0" y="216"/>
                    </a:lnTo>
                    <a:lnTo>
                      <a:pt x="9" y="248"/>
                    </a:lnTo>
                    <a:lnTo>
                      <a:pt x="69" y="296"/>
                    </a:lnTo>
                    <a:lnTo>
                      <a:pt x="69" y="328"/>
                    </a:lnTo>
                    <a:lnTo>
                      <a:pt x="43" y="360"/>
                    </a:lnTo>
                    <a:lnTo>
                      <a:pt x="52" y="424"/>
                    </a:lnTo>
                    <a:lnTo>
                      <a:pt x="69" y="488"/>
                    </a:lnTo>
                    <a:lnTo>
                      <a:pt x="87" y="496"/>
                    </a:lnTo>
                    <a:lnTo>
                      <a:pt x="112" y="488"/>
                    </a:lnTo>
                    <a:lnTo>
                      <a:pt x="95" y="456"/>
                    </a:lnTo>
                    <a:lnTo>
                      <a:pt x="78" y="408"/>
                    </a:lnTo>
                    <a:lnTo>
                      <a:pt x="95" y="376"/>
                    </a:lnTo>
                    <a:lnTo>
                      <a:pt x="112" y="376"/>
                    </a:lnTo>
                    <a:lnTo>
                      <a:pt x="121" y="344"/>
                    </a:lnTo>
                    <a:lnTo>
                      <a:pt x="104" y="320"/>
                    </a:lnTo>
                    <a:lnTo>
                      <a:pt x="87" y="280"/>
                    </a:lnTo>
                    <a:lnTo>
                      <a:pt x="156" y="216"/>
                    </a:lnTo>
                    <a:lnTo>
                      <a:pt x="208" y="168"/>
                    </a:lnTo>
                    <a:lnTo>
                      <a:pt x="216" y="120"/>
                    </a:lnTo>
                    <a:lnTo>
                      <a:pt x="208" y="80"/>
                    </a:lnTo>
                    <a:lnTo>
                      <a:pt x="242" y="56"/>
                    </a:lnTo>
                    <a:lnTo>
                      <a:pt x="268" y="56"/>
                    </a:lnTo>
                    <a:lnTo>
                      <a:pt x="294" y="40"/>
                    </a:lnTo>
                  </a:path>
                </a:pathLst>
              </a:custGeom>
              <a:solidFill>
                <a:srgbClr val="99CCFF"/>
              </a:solidFill>
              <a:ln w="12700" cap="rnd">
                <a:solidFill>
                  <a:schemeClr val="bg1"/>
                </a:solidFill>
                <a:round/>
                <a:headEnd/>
                <a:tailEnd/>
              </a:ln>
            </p:spPr>
            <p:txBody>
              <a:bodyPr/>
              <a:lstStyle/>
              <a:p>
                <a:endParaRPr lang="de-CH" dirty="0"/>
              </a:p>
            </p:txBody>
          </p:sp>
          <p:sp>
            <p:nvSpPr>
              <p:cNvPr id="88" name="Freeform 123" descr="Blaues Seidenpapier"/>
              <p:cNvSpPr>
                <a:spLocks/>
              </p:cNvSpPr>
              <p:nvPr/>
            </p:nvSpPr>
            <p:spPr bwMode="auto">
              <a:xfrm>
                <a:off x="3643" y="3461"/>
                <a:ext cx="295" cy="212"/>
              </a:xfrm>
              <a:custGeom>
                <a:avLst/>
                <a:gdLst>
                  <a:gd name="T0" fmla="*/ 2147483647 w 226"/>
                  <a:gd name="T1" fmla="*/ 2147483647 h 161"/>
                  <a:gd name="T2" fmla="*/ 0 w 226"/>
                  <a:gd name="T3" fmla="*/ 2147483647 h 161"/>
                  <a:gd name="T4" fmla="*/ 2147483647 w 226"/>
                  <a:gd name="T5" fmla="*/ 2147483647 h 161"/>
                  <a:gd name="T6" fmla="*/ 2147483647 w 226"/>
                  <a:gd name="T7" fmla="*/ 2147483647 h 161"/>
                  <a:gd name="T8" fmla="*/ 2147483647 w 226"/>
                  <a:gd name="T9" fmla="*/ 2147483647 h 161"/>
                  <a:gd name="T10" fmla="*/ 2147483647 w 226"/>
                  <a:gd name="T11" fmla="*/ 2147483647 h 161"/>
                  <a:gd name="T12" fmla="*/ 2147483647 w 226"/>
                  <a:gd name="T13" fmla="*/ 2147483647 h 161"/>
                  <a:gd name="T14" fmla="*/ 2147483647 w 226"/>
                  <a:gd name="T15" fmla="*/ 2147483647 h 161"/>
                  <a:gd name="T16" fmla="*/ 2147483647 w 226"/>
                  <a:gd name="T17" fmla="*/ 2147483647 h 161"/>
                  <a:gd name="T18" fmla="*/ 2147483647 w 226"/>
                  <a:gd name="T19" fmla="*/ 2147483647 h 161"/>
                  <a:gd name="T20" fmla="*/ 2147483647 w 226"/>
                  <a:gd name="T21" fmla="*/ 2147483647 h 161"/>
                  <a:gd name="T22" fmla="*/ 2147483647 w 226"/>
                  <a:gd name="T23" fmla="*/ 2147483647 h 161"/>
                  <a:gd name="T24" fmla="*/ 2147483647 w 226"/>
                  <a:gd name="T25" fmla="*/ 2147483647 h 161"/>
                  <a:gd name="T26" fmla="*/ 2147483647 w 226"/>
                  <a:gd name="T27" fmla="*/ 0 h 161"/>
                  <a:gd name="T28" fmla="*/ 2147483647 w 226"/>
                  <a:gd name="T29" fmla="*/ 2147483647 h 161"/>
                  <a:gd name="T30" fmla="*/ 2147483647 w 226"/>
                  <a:gd name="T31" fmla="*/ 2147483647 h 161"/>
                  <a:gd name="T32" fmla="*/ 2147483647 w 226"/>
                  <a:gd name="T33" fmla="*/ 2147483647 h 161"/>
                  <a:gd name="T34" fmla="*/ 2147483647 w 226"/>
                  <a:gd name="T35" fmla="*/ 2147483647 h 161"/>
                  <a:gd name="T36" fmla="*/ 2147483647 w 226"/>
                  <a:gd name="T37" fmla="*/ 2147483647 h 161"/>
                  <a:gd name="T38" fmla="*/ 2147483647 w 226"/>
                  <a:gd name="T39" fmla="*/ 2147483647 h 161"/>
                  <a:gd name="T40" fmla="*/ 2147483647 w 226"/>
                  <a:gd name="T41" fmla="*/ 2147483647 h 161"/>
                  <a:gd name="T42" fmla="*/ 2147483647 w 226"/>
                  <a:gd name="T43" fmla="*/ 2147483647 h 161"/>
                  <a:gd name="T44" fmla="*/ 2147483647 w 226"/>
                  <a:gd name="T45" fmla="*/ 2147483647 h 161"/>
                  <a:gd name="T46" fmla="*/ 2147483647 w 226"/>
                  <a:gd name="T47" fmla="*/ 2147483647 h 161"/>
                  <a:gd name="T48" fmla="*/ 2147483647 w 226"/>
                  <a:gd name="T49" fmla="*/ 2147483647 h 161"/>
                  <a:gd name="T50" fmla="*/ 2147483647 w 226"/>
                  <a:gd name="T51" fmla="*/ 2147483647 h 161"/>
                  <a:gd name="T52" fmla="*/ 2147483647 w 226"/>
                  <a:gd name="T53" fmla="*/ 2147483647 h 161"/>
                  <a:gd name="T54" fmla="*/ 2147483647 w 226"/>
                  <a:gd name="T55" fmla="*/ 2147483647 h 161"/>
                  <a:gd name="T56" fmla="*/ 2147483647 w 226"/>
                  <a:gd name="T57" fmla="*/ 2147483647 h 161"/>
                  <a:gd name="T58" fmla="*/ 2147483647 w 226"/>
                  <a:gd name="T59" fmla="*/ 2147483647 h 161"/>
                  <a:gd name="T60" fmla="*/ 2147483647 w 226"/>
                  <a:gd name="T61" fmla="*/ 2147483647 h 161"/>
                  <a:gd name="T62" fmla="*/ 2147483647 w 226"/>
                  <a:gd name="T63" fmla="*/ 2147483647 h 161"/>
                  <a:gd name="T64" fmla="*/ 2147483647 w 226"/>
                  <a:gd name="T65" fmla="*/ 2147483647 h 161"/>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226"/>
                  <a:gd name="T100" fmla="*/ 0 h 161"/>
                  <a:gd name="T101" fmla="*/ 226 w 226"/>
                  <a:gd name="T102" fmla="*/ 161 h 161"/>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226" h="161">
                    <a:moveTo>
                      <a:pt x="9" y="64"/>
                    </a:moveTo>
                    <a:lnTo>
                      <a:pt x="0" y="32"/>
                    </a:lnTo>
                    <a:lnTo>
                      <a:pt x="17" y="24"/>
                    </a:lnTo>
                    <a:lnTo>
                      <a:pt x="17" y="64"/>
                    </a:lnTo>
                    <a:lnTo>
                      <a:pt x="26" y="64"/>
                    </a:lnTo>
                    <a:lnTo>
                      <a:pt x="35" y="96"/>
                    </a:lnTo>
                    <a:lnTo>
                      <a:pt x="43" y="112"/>
                    </a:lnTo>
                    <a:lnTo>
                      <a:pt x="61" y="104"/>
                    </a:lnTo>
                    <a:lnTo>
                      <a:pt x="61" y="56"/>
                    </a:lnTo>
                    <a:lnTo>
                      <a:pt x="69" y="24"/>
                    </a:lnTo>
                    <a:lnTo>
                      <a:pt x="95" y="16"/>
                    </a:lnTo>
                    <a:lnTo>
                      <a:pt x="138" y="8"/>
                    </a:lnTo>
                    <a:lnTo>
                      <a:pt x="173" y="8"/>
                    </a:lnTo>
                    <a:lnTo>
                      <a:pt x="199" y="0"/>
                    </a:lnTo>
                    <a:lnTo>
                      <a:pt x="225" y="8"/>
                    </a:lnTo>
                    <a:lnTo>
                      <a:pt x="208" y="24"/>
                    </a:lnTo>
                    <a:lnTo>
                      <a:pt x="182" y="24"/>
                    </a:lnTo>
                    <a:lnTo>
                      <a:pt x="147" y="32"/>
                    </a:lnTo>
                    <a:lnTo>
                      <a:pt x="113" y="40"/>
                    </a:lnTo>
                    <a:lnTo>
                      <a:pt x="87" y="48"/>
                    </a:lnTo>
                    <a:lnTo>
                      <a:pt x="78" y="72"/>
                    </a:lnTo>
                    <a:lnTo>
                      <a:pt x="87" y="104"/>
                    </a:lnTo>
                    <a:lnTo>
                      <a:pt x="104" y="128"/>
                    </a:lnTo>
                    <a:lnTo>
                      <a:pt x="104" y="152"/>
                    </a:lnTo>
                    <a:lnTo>
                      <a:pt x="87" y="152"/>
                    </a:lnTo>
                    <a:lnTo>
                      <a:pt x="78" y="136"/>
                    </a:lnTo>
                    <a:lnTo>
                      <a:pt x="69" y="120"/>
                    </a:lnTo>
                    <a:lnTo>
                      <a:pt x="61" y="136"/>
                    </a:lnTo>
                    <a:lnTo>
                      <a:pt x="61" y="152"/>
                    </a:lnTo>
                    <a:lnTo>
                      <a:pt x="43" y="160"/>
                    </a:lnTo>
                    <a:lnTo>
                      <a:pt x="17" y="120"/>
                    </a:lnTo>
                    <a:lnTo>
                      <a:pt x="17" y="96"/>
                    </a:lnTo>
                    <a:lnTo>
                      <a:pt x="9" y="64"/>
                    </a:lnTo>
                  </a:path>
                </a:pathLst>
              </a:custGeom>
              <a:solidFill>
                <a:srgbClr val="99CCFF"/>
              </a:solidFill>
              <a:ln w="12700" cap="rnd">
                <a:solidFill>
                  <a:schemeClr val="bg1"/>
                </a:solidFill>
                <a:round/>
                <a:headEnd/>
                <a:tailEnd/>
              </a:ln>
            </p:spPr>
            <p:txBody>
              <a:bodyPr/>
              <a:lstStyle/>
              <a:p>
                <a:endParaRPr lang="de-CH" dirty="0"/>
              </a:p>
            </p:txBody>
          </p:sp>
          <p:sp>
            <p:nvSpPr>
              <p:cNvPr id="89" name="Freeform 124" descr="Blaues Seidenpapier"/>
              <p:cNvSpPr>
                <a:spLocks/>
              </p:cNvSpPr>
              <p:nvPr/>
            </p:nvSpPr>
            <p:spPr bwMode="auto">
              <a:xfrm>
                <a:off x="513" y="2714"/>
                <a:ext cx="898" cy="443"/>
              </a:xfrm>
              <a:custGeom>
                <a:avLst/>
                <a:gdLst>
                  <a:gd name="T0" fmla="*/ 2147483647 w 686"/>
                  <a:gd name="T1" fmla="*/ 2147483647 h 337"/>
                  <a:gd name="T2" fmla="*/ 2147483647 w 686"/>
                  <a:gd name="T3" fmla="*/ 2147483647 h 337"/>
                  <a:gd name="T4" fmla="*/ 2147483647 w 686"/>
                  <a:gd name="T5" fmla="*/ 2147483647 h 337"/>
                  <a:gd name="T6" fmla="*/ 2147483647 w 686"/>
                  <a:gd name="T7" fmla="*/ 2147483647 h 337"/>
                  <a:gd name="T8" fmla="*/ 2147483647 w 686"/>
                  <a:gd name="T9" fmla="*/ 2147483647 h 337"/>
                  <a:gd name="T10" fmla="*/ 2147483647 w 686"/>
                  <a:gd name="T11" fmla="*/ 2147483647 h 337"/>
                  <a:gd name="T12" fmla="*/ 2147483647 w 686"/>
                  <a:gd name="T13" fmla="*/ 2147483647 h 337"/>
                  <a:gd name="T14" fmla="*/ 2147483647 w 686"/>
                  <a:gd name="T15" fmla="*/ 2147483647 h 337"/>
                  <a:gd name="T16" fmla="*/ 2147483647 w 686"/>
                  <a:gd name="T17" fmla="*/ 2147483647 h 337"/>
                  <a:gd name="T18" fmla="*/ 2147483647 w 686"/>
                  <a:gd name="T19" fmla="*/ 2147483647 h 337"/>
                  <a:gd name="T20" fmla="*/ 2147483647 w 686"/>
                  <a:gd name="T21" fmla="*/ 2147483647 h 337"/>
                  <a:gd name="T22" fmla="*/ 2147483647 w 686"/>
                  <a:gd name="T23" fmla="*/ 2147483647 h 337"/>
                  <a:gd name="T24" fmla="*/ 2147483647 w 686"/>
                  <a:gd name="T25" fmla="*/ 2147483647 h 337"/>
                  <a:gd name="T26" fmla="*/ 2147483647 w 686"/>
                  <a:gd name="T27" fmla="*/ 2147483647 h 337"/>
                  <a:gd name="T28" fmla="*/ 2147483647 w 686"/>
                  <a:gd name="T29" fmla="*/ 2147483647 h 337"/>
                  <a:gd name="T30" fmla="*/ 2147483647 w 686"/>
                  <a:gd name="T31" fmla="*/ 2147483647 h 337"/>
                  <a:gd name="T32" fmla="*/ 2147483647 w 686"/>
                  <a:gd name="T33" fmla="*/ 2147483647 h 337"/>
                  <a:gd name="T34" fmla="*/ 2147483647 w 686"/>
                  <a:gd name="T35" fmla="*/ 2147483647 h 337"/>
                  <a:gd name="T36" fmla="*/ 2147483647 w 686"/>
                  <a:gd name="T37" fmla="*/ 2147483647 h 337"/>
                  <a:gd name="T38" fmla="*/ 2147483647 w 686"/>
                  <a:gd name="T39" fmla="*/ 2147483647 h 337"/>
                  <a:gd name="T40" fmla="*/ 2147483647 w 686"/>
                  <a:gd name="T41" fmla="*/ 2147483647 h 337"/>
                  <a:gd name="T42" fmla="*/ 2147483647 w 686"/>
                  <a:gd name="T43" fmla="*/ 0 h 337"/>
                  <a:gd name="T44" fmla="*/ 2147483647 w 686"/>
                  <a:gd name="T45" fmla="*/ 0 h 337"/>
                  <a:gd name="T46" fmla="*/ 2147483647 w 686"/>
                  <a:gd name="T47" fmla="*/ 0 h 337"/>
                  <a:gd name="T48" fmla="*/ 2147483647 w 686"/>
                  <a:gd name="T49" fmla="*/ 2147483647 h 337"/>
                  <a:gd name="T50" fmla="*/ 2147483647 w 686"/>
                  <a:gd name="T51" fmla="*/ 2147483647 h 337"/>
                  <a:gd name="T52" fmla="*/ 2147483647 w 686"/>
                  <a:gd name="T53" fmla="*/ 2147483647 h 337"/>
                  <a:gd name="T54" fmla="*/ 2147483647 w 686"/>
                  <a:gd name="T55" fmla="*/ 2147483647 h 337"/>
                  <a:gd name="T56" fmla="*/ 2147483647 w 686"/>
                  <a:gd name="T57" fmla="*/ 2147483647 h 337"/>
                  <a:gd name="T58" fmla="*/ 2147483647 w 686"/>
                  <a:gd name="T59" fmla="*/ 2147483647 h 337"/>
                  <a:gd name="T60" fmla="*/ 2147483647 w 686"/>
                  <a:gd name="T61" fmla="*/ 2147483647 h 337"/>
                  <a:gd name="T62" fmla="*/ 2147483647 w 686"/>
                  <a:gd name="T63" fmla="*/ 2147483647 h 337"/>
                  <a:gd name="T64" fmla="*/ 2147483647 w 686"/>
                  <a:gd name="T65" fmla="*/ 2147483647 h 337"/>
                  <a:gd name="T66" fmla="*/ 2147483647 w 686"/>
                  <a:gd name="T67" fmla="*/ 2147483647 h 337"/>
                  <a:gd name="T68" fmla="*/ 2147483647 w 686"/>
                  <a:gd name="T69" fmla="*/ 2147483647 h 337"/>
                  <a:gd name="T70" fmla="*/ 2147483647 w 686"/>
                  <a:gd name="T71" fmla="*/ 2147483647 h 337"/>
                  <a:gd name="T72" fmla="*/ 2147483647 w 686"/>
                  <a:gd name="T73" fmla="*/ 2147483647 h 337"/>
                  <a:gd name="T74" fmla="*/ 0 w 686"/>
                  <a:gd name="T75" fmla="*/ 2147483647 h 337"/>
                  <a:gd name="T76" fmla="*/ 2147483647 w 686"/>
                  <a:gd name="T77" fmla="*/ 2147483647 h 337"/>
                  <a:gd name="T78" fmla="*/ 2147483647 w 686"/>
                  <a:gd name="T79" fmla="*/ 2147483647 h 337"/>
                  <a:gd name="T80" fmla="*/ 2147483647 w 686"/>
                  <a:gd name="T81" fmla="*/ 2147483647 h 337"/>
                  <a:gd name="T82" fmla="*/ 2147483647 w 686"/>
                  <a:gd name="T83" fmla="*/ 2147483647 h 337"/>
                  <a:gd name="T84" fmla="*/ 2147483647 w 686"/>
                  <a:gd name="T85" fmla="*/ 2147483647 h 337"/>
                  <a:gd name="T86" fmla="*/ 2147483647 w 686"/>
                  <a:gd name="T87" fmla="*/ 2147483647 h 337"/>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w 686"/>
                  <a:gd name="T133" fmla="*/ 0 h 337"/>
                  <a:gd name="T134" fmla="*/ 686 w 686"/>
                  <a:gd name="T135" fmla="*/ 337 h 337"/>
                </a:gdLst>
                <a:ahLst/>
                <a:cxnLst>
                  <a:cxn ang="T88">
                    <a:pos x="T0" y="T1"/>
                  </a:cxn>
                  <a:cxn ang="T89">
                    <a:pos x="T2" y="T3"/>
                  </a:cxn>
                  <a:cxn ang="T90">
                    <a:pos x="T4" y="T5"/>
                  </a:cxn>
                  <a:cxn ang="T91">
                    <a:pos x="T6" y="T7"/>
                  </a:cxn>
                  <a:cxn ang="T92">
                    <a:pos x="T8" y="T9"/>
                  </a:cxn>
                  <a:cxn ang="T93">
                    <a:pos x="T10" y="T11"/>
                  </a:cxn>
                  <a:cxn ang="T94">
                    <a:pos x="T12" y="T13"/>
                  </a:cxn>
                  <a:cxn ang="T95">
                    <a:pos x="T14" y="T15"/>
                  </a:cxn>
                  <a:cxn ang="T96">
                    <a:pos x="T16" y="T17"/>
                  </a:cxn>
                  <a:cxn ang="T97">
                    <a:pos x="T18" y="T19"/>
                  </a:cxn>
                  <a:cxn ang="T98">
                    <a:pos x="T20" y="T21"/>
                  </a:cxn>
                  <a:cxn ang="T99">
                    <a:pos x="T22" y="T23"/>
                  </a:cxn>
                  <a:cxn ang="T100">
                    <a:pos x="T24" y="T25"/>
                  </a:cxn>
                  <a:cxn ang="T101">
                    <a:pos x="T26" y="T27"/>
                  </a:cxn>
                  <a:cxn ang="T102">
                    <a:pos x="T28" y="T29"/>
                  </a:cxn>
                  <a:cxn ang="T103">
                    <a:pos x="T30" y="T31"/>
                  </a:cxn>
                  <a:cxn ang="T104">
                    <a:pos x="T32" y="T33"/>
                  </a:cxn>
                  <a:cxn ang="T105">
                    <a:pos x="T34" y="T35"/>
                  </a:cxn>
                  <a:cxn ang="T106">
                    <a:pos x="T36" y="T37"/>
                  </a:cxn>
                  <a:cxn ang="T107">
                    <a:pos x="T38" y="T39"/>
                  </a:cxn>
                  <a:cxn ang="T108">
                    <a:pos x="T40" y="T41"/>
                  </a:cxn>
                  <a:cxn ang="T109">
                    <a:pos x="T42" y="T43"/>
                  </a:cxn>
                  <a:cxn ang="T110">
                    <a:pos x="T44" y="T45"/>
                  </a:cxn>
                  <a:cxn ang="T111">
                    <a:pos x="T46" y="T47"/>
                  </a:cxn>
                  <a:cxn ang="T112">
                    <a:pos x="T48" y="T49"/>
                  </a:cxn>
                  <a:cxn ang="T113">
                    <a:pos x="T50" y="T51"/>
                  </a:cxn>
                  <a:cxn ang="T114">
                    <a:pos x="T52" y="T53"/>
                  </a:cxn>
                  <a:cxn ang="T115">
                    <a:pos x="T54" y="T55"/>
                  </a:cxn>
                  <a:cxn ang="T116">
                    <a:pos x="T56" y="T57"/>
                  </a:cxn>
                  <a:cxn ang="T117">
                    <a:pos x="T58" y="T59"/>
                  </a:cxn>
                  <a:cxn ang="T118">
                    <a:pos x="T60" y="T61"/>
                  </a:cxn>
                  <a:cxn ang="T119">
                    <a:pos x="T62" y="T63"/>
                  </a:cxn>
                  <a:cxn ang="T120">
                    <a:pos x="T64" y="T65"/>
                  </a:cxn>
                  <a:cxn ang="T121">
                    <a:pos x="T66" y="T67"/>
                  </a:cxn>
                  <a:cxn ang="T122">
                    <a:pos x="T68" y="T69"/>
                  </a:cxn>
                  <a:cxn ang="T123">
                    <a:pos x="T70" y="T71"/>
                  </a:cxn>
                  <a:cxn ang="T124">
                    <a:pos x="T72" y="T73"/>
                  </a:cxn>
                  <a:cxn ang="T125">
                    <a:pos x="T74" y="T75"/>
                  </a:cxn>
                  <a:cxn ang="T126">
                    <a:pos x="T76" y="T77"/>
                  </a:cxn>
                  <a:cxn ang="T127">
                    <a:pos x="T78" y="T79"/>
                  </a:cxn>
                  <a:cxn ang="T128">
                    <a:pos x="T80" y="T81"/>
                  </a:cxn>
                  <a:cxn ang="T129">
                    <a:pos x="T82" y="T83"/>
                  </a:cxn>
                  <a:cxn ang="T130">
                    <a:pos x="T84" y="T85"/>
                  </a:cxn>
                  <a:cxn ang="T131">
                    <a:pos x="T86" y="T87"/>
                  </a:cxn>
                </a:cxnLst>
                <a:rect l="T132" t="T133" r="T134" b="T135"/>
                <a:pathLst>
                  <a:path w="686" h="337">
                    <a:moveTo>
                      <a:pt x="95" y="248"/>
                    </a:moveTo>
                    <a:lnTo>
                      <a:pt x="130" y="200"/>
                    </a:lnTo>
                    <a:lnTo>
                      <a:pt x="156" y="168"/>
                    </a:lnTo>
                    <a:lnTo>
                      <a:pt x="234" y="200"/>
                    </a:lnTo>
                    <a:lnTo>
                      <a:pt x="251" y="192"/>
                    </a:lnTo>
                    <a:lnTo>
                      <a:pt x="286" y="168"/>
                    </a:lnTo>
                    <a:lnTo>
                      <a:pt x="338" y="128"/>
                    </a:lnTo>
                    <a:lnTo>
                      <a:pt x="399" y="136"/>
                    </a:lnTo>
                    <a:lnTo>
                      <a:pt x="434" y="136"/>
                    </a:lnTo>
                    <a:lnTo>
                      <a:pt x="555" y="136"/>
                    </a:lnTo>
                    <a:lnTo>
                      <a:pt x="572" y="152"/>
                    </a:lnTo>
                    <a:lnTo>
                      <a:pt x="590" y="152"/>
                    </a:lnTo>
                    <a:lnTo>
                      <a:pt x="616" y="160"/>
                    </a:lnTo>
                    <a:lnTo>
                      <a:pt x="642" y="160"/>
                    </a:lnTo>
                    <a:lnTo>
                      <a:pt x="668" y="144"/>
                    </a:lnTo>
                    <a:lnTo>
                      <a:pt x="685" y="120"/>
                    </a:lnTo>
                    <a:lnTo>
                      <a:pt x="668" y="112"/>
                    </a:lnTo>
                    <a:lnTo>
                      <a:pt x="659" y="88"/>
                    </a:lnTo>
                    <a:lnTo>
                      <a:pt x="598" y="64"/>
                    </a:lnTo>
                    <a:lnTo>
                      <a:pt x="520" y="32"/>
                    </a:lnTo>
                    <a:lnTo>
                      <a:pt x="477" y="8"/>
                    </a:lnTo>
                    <a:lnTo>
                      <a:pt x="399" y="0"/>
                    </a:lnTo>
                    <a:lnTo>
                      <a:pt x="338" y="0"/>
                    </a:lnTo>
                    <a:lnTo>
                      <a:pt x="303" y="0"/>
                    </a:lnTo>
                    <a:lnTo>
                      <a:pt x="277" y="24"/>
                    </a:lnTo>
                    <a:lnTo>
                      <a:pt x="251" y="48"/>
                    </a:lnTo>
                    <a:lnTo>
                      <a:pt x="208" y="56"/>
                    </a:lnTo>
                    <a:lnTo>
                      <a:pt x="191" y="48"/>
                    </a:lnTo>
                    <a:lnTo>
                      <a:pt x="165" y="56"/>
                    </a:lnTo>
                    <a:lnTo>
                      <a:pt x="139" y="96"/>
                    </a:lnTo>
                    <a:lnTo>
                      <a:pt x="121" y="120"/>
                    </a:lnTo>
                    <a:lnTo>
                      <a:pt x="113" y="136"/>
                    </a:lnTo>
                    <a:lnTo>
                      <a:pt x="95" y="168"/>
                    </a:lnTo>
                    <a:lnTo>
                      <a:pt x="78" y="192"/>
                    </a:lnTo>
                    <a:lnTo>
                      <a:pt x="52" y="224"/>
                    </a:lnTo>
                    <a:lnTo>
                      <a:pt x="17" y="256"/>
                    </a:lnTo>
                    <a:lnTo>
                      <a:pt x="9" y="296"/>
                    </a:lnTo>
                    <a:lnTo>
                      <a:pt x="0" y="328"/>
                    </a:lnTo>
                    <a:lnTo>
                      <a:pt x="9" y="336"/>
                    </a:lnTo>
                    <a:lnTo>
                      <a:pt x="35" y="328"/>
                    </a:lnTo>
                    <a:lnTo>
                      <a:pt x="52" y="288"/>
                    </a:lnTo>
                    <a:lnTo>
                      <a:pt x="69" y="264"/>
                    </a:lnTo>
                    <a:lnTo>
                      <a:pt x="87" y="248"/>
                    </a:lnTo>
                    <a:lnTo>
                      <a:pt x="95" y="248"/>
                    </a:lnTo>
                  </a:path>
                </a:pathLst>
              </a:custGeom>
              <a:solidFill>
                <a:srgbClr val="99CCFF"/>
              </a:solidFill>
              <a:ln w="12700" cap="rnd">
                <a:solidFill>
                  <a:schemeClr val="bg1"/>
                </a:solidFill>
                <a:round/>
                <a:headEnd/>
                <a:tailEnd/>
              </a:ln>
            </p:spPr>
            <p:txBody>
              <a:bodyPr/>
              <a:lstStyle/>
              <a:p>
                <a:endParaRPr lang="de-CH" dirty="0"/>
              </a:p>
            </p:txBody>
          </p:sp>
          <p:sp>
            <p:nvSpPr>
              <p:cNvPr id="90" name="Freeform 125" descr="Blaues Seidenpapier"/>
              <p:cNvSpPr>
                <a:spLocks/>
              </p:cNvSpPr>
              <p:nvPr/>
            </p:nvSpPr>
            <p:spPr bwMode="auto">
              <a:xfrm>
                <a:off x="1080" y="1945"/>
                <a:ext cx="501" cy="317"/>
              </a:xfrm>
              <a:custGeom>
                <a:avLst/>
                <a:gdLst>
                  <a:gd name="T0" fmla="*/ 2147483647 w 383"/>
                  <a:gd name="T1" fmla="*/ 0 h 241"/>
                  <a:gd name="T2" fmla="*/ 2147483647 w 383"/>
                  <a:gd name="T3" fmla="*/ 2147483647 h 241"/>
                  <a:gd name="T4" fmla="*/ 2147483647 w 383"/>
                  <a:gd name="T5" fmla="*/ 2147483647 h 241"/>
                  <a:gd name="T6" fmla="*/ 2147483647 w 383"/>
                  <a:gd name="T7" fmla="*/ 2147483647 h 241"/>
                  <a:gd name="T8" fmla="*/ 2147483647 w 383"/>
                  <a:gd name="T9" fmla="*/ 2147483647 h 241"/>
                  <a:gd name="T10" fmla="*/ 2147483647 w 383"/>
                  <a:gd name="T11" fmla="*/ 2147483647 h 241"/>
                  <a:gd name="T12" fmla="*/ 2147483647 w 383"/>
                  <a:gd name="T13" fmla="*/ 2147483647 h 241"/>
                  <a:gd name="T14" fmla="*/ 2147483647 w 383"/>
                  <a:gd name="T15" fmla="*/ 2147483647 h 241"/>
                  <a:gd name="T16" fmla="*/ 2147483647 w 383"/>
                  <a:gd name="T17" fmla="*/ 2147483647 h 241"/>
                  <a:gd name="T18" fmla="*/ 2147483647 w 383"/>
                  <a:gd name="T19" fmla="*/ 2147483647 h 241"/>
                  <a:gd name="T20" fmla="*/ 0 w 383"/>
                  <a:gd name="T21" fmla="*/ 2147483647 h 241"/>
                  <a:gd name="T22" fmla="*/ 2147483647 w 383"/>
                  <a:gd name="T23" fmla="*/ 2147483647 h 241"/>
                  <a:gd name="T24" fmla="*/ 2147483647 w 383"/>
                  <a:gd name="T25" fmla="*/ 2147483647 h 241"/>
                  <a:gd name="T26" fmla="*/ 2147483647 w 383"/>
                  <a:gd name="T27" fmla="*/ 2147483647 h 241"/>
                  <a:gd name="T28" fmla="*/ 2147483647 w 383"/>
                  <a:gd name="T29" fmla="*/ 2147483647 h 241"/>
                  <a:gd name="T30" fmla="*/ 2147483647 w 383"/>
                  <a:gd name="T31" fmla="*/ 2147483647 h 241"/>
                  <a:gd name="T32" fmla="*/ 2147483647 w 383"/>
                  <a:gd name="T33" fmla="*/ 2147483647 h 241"/>
                  <a:gd name="T34" fmla="*/ 2147483647 w 383"/>
                  <a:gd name="T35" fmla="*/ 2147483647 h 241"/>
                  <a:gd name="T36" fmla="*/ 2147483647 w 383"/>
                  <a:gd name="T37" fmla="*/ 2147483647 h 241"/>
                  <a:gd name="T38" fmla="*/ 2147483647 w 383"/>
                  <a:gd name="T39" fmla="*/ 2147483647 h 241"/>
                  <a:gd name="T40" fmla="*/ 2147483647 w 383"/>
                  <a:gd name="T41" fmla="*/ 2147483647 h 241"/>
                  <a:gd name="T42" fmla="*/ 2147483647 w 383"/>
                  <a:gd name="T43" fmla="*/ 2147483647 h 241"/>
                  <a:gd name="T44" fmla="*/ 2147483647 w 383"/>
                  <a:gd name="T45" fmla="*/ 2147483647 h 241"/>
                  <a:gd name="T46" fmla="*/ 2147483647 w 383"/>
                  <a:gd name="T47" fmla="*/ 0 h 241"/>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83"/>
                  <a:gd name="T73" fmla="*/ 0 h 241"/>
                  <a:gd name="T74" fmla="*/ 383 w 383"/>
                  <a:gd name="T75" fmla="*/ 241 h 241"/>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83" h="241">
                    <a:moveTo>
                      <a:pt x="356" y="0"/>
                    </a:moveTo>
                    <a:lnTo>
                      <a:pt x="321" y="8"/>
                    </a:lnTo>
                    <a:lnTo>
                      <a:pt x="269" y="24"/>
                    </a:lnTo>
                    <a:lnTo>
                      <a:pt x="234" y="32"/>
                    </a:lnTo>
                    <a:lnTo>
                      <a:pt x="217" y="72"/>
                    </a:lnTo>
                    <a:lnTo>
                      <a:pt x="182" y="96"/>
                    </a:lnTo>
                    <a:lnTo>
                      <a:pt x="156" y="120"/>
                    </a:lnTo>
                    <a:lnTo>
                      <a:pt x="139" y="152"/>
                    </a:lnTo>
                    <a:lnTo>
                      <a:pt x="87" y="176"/>
                    </a:lnTo>
                    <a:lnTo>
                      <a:pt x="52" y="192"/>
                    </a:lnTo>
                    <a:lnTo>
                      <a:pt x="0" y="224"/>
                    </a:lnTo>
                    <a:lnTo>
                      <a:pt x="9" y="240"/>
                    </a:lnTo>
                    <a:lnTo>
                      <a:pt x="43" y="240"/>
                    </a:lnTo>
                    <a:lnTo>
                      <a:pt x="87" y="216"/>
                    </a:lnTo>
                    <a:lnTo>
                      <a:pt x="122" y="208"/>
                    </a:lnTo>
                    <a:lnTo>
                      <a:pt x="148" y="200"/>
                    </a:lnTo>
                    <a:lnTo>
                      <a:pt x="200" y="168"/>
                    </a:lnTo>
                    <a:lnTo>
                      <a:pt x="252" y="120"/>
                    </a:lnTo>
                    <a:lnTo>
                      <a:pt x="287" y="104"/>
                    </a:lnTo>
                    <a:lnTo>
                      <a:pt x="321" y="80"/>
                    </a:lnTo>
                    <a:lnTo>
                      <a:pt x="356" y="56"/>
                    </a:lnTo>
                    <a:lnTo>
                      <a:pt x="373" y="24"/>
                    </a:lnTo>
                    <a:lnTo>
                      <a:pt x="382" y="16"/>
                    </a:lnTo>
                    <a:lnTo>
                      <a:pt x="356" y="0"/>
                    </a:lnTo>
                  </a:path>
                </a:pathLst>
              </a:custGeom>
              <a:solidFill>
                <a:srgbClr val="99CCFF"/>
              </a:solidFill>
              <a:ln w="12700" cap="rnd">
                <a:solidFill>
                  <a:schemeClr val="bg1"/>
                </a:solidFill>
                <a:round/>
                <a:headEnd/>
                <a:tailEnd/>
              </a:ln>
            </p:spPr>
            <p:txBody>
              <a:bodyPr/>
              <a:lstStyle/>
              <a:p>
                <a:endParaRPr lang="de-CH" dirty="0"/>
              </a:p>
            </p:txBody>
          </p:sp>
          <p:sp>
            <p:nvSpPr>
              <p:cNvPr id="91" name="Freeform 126" descr="Blaues Seidenpapier"/>
              <p:cNvSpPr>
                <a:spLocks/>
              </p:cNvSpPr>
              <p:nvPr/>
            </p:nvSpPr>
            <p:spPr bwMode="auto">
              <a:xfrm>
                <a:off x="1556" y="2008"/>
                <a:ext cx="127" cy="86"/>
              </a:xfrm>
              <a:custGeom>
                <a:avLst/>
                <a:gdLst>
                  <a:gd name="T0" fmla="*/ 2147483647 w 97"/>
                  <a:gd name="T1" fmla="*/ 0 h 65"/>
                  <a:gd name="T2" fmla="*/ 2147483647 w 97"/>
                  <a:gd name="T3" fmla="*/ 2147483647 h 65"/>
                  <a:gd name="T4" fmla="*/ 2147483647 w 97"/>
                  <a:gd name="T5" fmla="*/ 2147483647 h 65"/>
                  <a:gd name="T6" fmla="*/ 0 w 97"/>
                  <a:gd name="T7" fmla="*/ 2147483647 h 65"/>
                  <a:gd name="T8" fmla="*/ 2147483647 w 97"/>
                  <a:gd name="T9" fmla="*/ 2147483647 h 65"/>
                  <a:gd name="T10" fmla="*/ 2147483647 w 97"/>
                  <a:gd name="T11" fmla="*/ 2147483647 h 65"/>
                  <a:gd name="T12" fmla="*/ 2147483647 w 97"/>
                  <a:gd name="T13" fmla="*/ 2147483647 h 65"/>
                  <a:gd name="T14" fmla="*/ 2147483647 w 97"/>
                  <a:gd name="T15" fmla="*/ 2147483647 h 65"/>
                  <a:gd name="T16" fmla="*/ 2147483647 w 97"/>
                  <a:gd name="T17" fmla="*/ 2147483647 h 65"/>
                  <a:gd name="T18" fmla="*/ 2147483647 w 97"/>
                  <a:gd name="T19" fmla="*/ 2147483647 h 65"/>
                  <a:gd name="T20" fmla="*/ 2147483647 w 97"/>
                  <a:gd name="T21" fmla="*/ 0 h 65"/>
                  <a:gd name="T22" fmla="*/ 2147483647 w 97"/>
                  <a:gd name="T23" fmla="*/ 0 h 6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97"/>
                  <a:gd name="T37" fmla="*/ 0 h 65"/>
                  <a:gd name="T38" fmla="*/ 97 w 97"/>
                  <a:gd name="T39" fmla="*/ 65 h 6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97" h="65">
                    <a:moveTo>
                      <a:pt x="61" y="0"/>
                    </a:moveTo>
                    <a:lnTo>
                      <a:pt x="35" y="16"/>
                    </a:lnTo>
                    <a:lnTo>
                      <a:pt x="9" y="32"/>
                    </a:lnTo>
                    <a:lnTo>
                      <a:pt x="0" y="48"/>
                    </a:lnTo>
                    <a:lnTo>
                      <a:pt x="17" y="64"/>
                    </a:lnTo>
                    <a:lnTo>
                      <a:pt x="35" y="64"/>
                    </a:lnTo>
                    <a:lnTo>
                      <a:pt x="52" y="48"/>
                    </a:lnTo>
                    <a:lnTo>
                      <a:pt x="70" y="40"/>
                    </a:lnTo>
                    <a:lnTo>
                      <a:pt x="96" y="24"/>
                    </a:lnTo>
                    <a:lnTo>
                      <a:pt x="96" y="8"/>
                    </a:lnTo>
                    <a:lnTo>
                      <a:pt x="79" y="0"/>
                    </a:lnTo>
                    <a:lnTo>
                      <a:pt x="61" y="0"/>
                    </a:lnTo>
                  </a:path>
                </a:pathLst>
              </a:custGeom>
              <a:solidFill>
                <a:srgbClr val="99CCFF"/>
              </a:solidFill>
              <a:ln w="12700" cap="rnd">
                <a:solidFill>
                  <a:schemeClr val="bg1"/>
                </a:solidFill>
                <a:round/>
                <a:headEnd/>
                <a:tailEnd/>
              </a:ln>
            </p:spPr>
            <p:txBody>
              <a:bodyPr/>
              <a:lstStyle/>
              <a:p>
                <a:endParaRPr lang="de-CH" dirty="0"/>
              </a:p>
            </p:txBody>
          </p:sp>
          <p:sp>
            <p:nvSpPr>
              <p:cNvPr id="92" name="Freeform 127" descr="Blaues Seidenpapier"/>
              <p:cNvSpPr>
                <a:spLocks/>
              </p:cNvSpPr>
              <p:nvPr/>
            </p:nvSpPr>
            <p:spPr bwMode="auto">
              <a:xfrm>
                <a:off x="1579" y="1808"/>
                <a:ext cx="160" cy="138"/>
              </a:xfrm>
              <a:custGeom>
                <a:avLst/>
                <a:gdLst>
                  <a:gd name="T0" fmla="*/ 2147483647 w 122"/>
                  <a:gd name="T1" fmla="*/ 0 h 105"/>
                  <a:gd name="T2" fmla="*/ 2147483647 w 122"/>
                  <a:gd name="T3" fmla="*/ 0 h 105"/>
                  <a:gd name="T4" fmla="*/ 2147483647 w 122"/>
                  <a:gd name="T5" fmla="*/ 2147483647 h 105"/>
                  <a:gd name="T6" fmla="*/ 2147483647 w 122"/>
                  <a:gd name="T7" fmla="*/ 2147483647 h 105"/>
                  <a:gd name="T8" fmla="*/ 2147483647 w 122"/>
                  <a:gd name="T9" fmla="*/ 2147483647 h 105"/>
                  <a:gd name="T10" fmla="*/ 2147483647 w 122"/>
                  <a:gd name="T11" fmla="*/ 2147483647 h 105"/>
                  <a:gd name="T12" fmla="*/ 0 w 122"/>
                  <a:gd name="T13" fmla="*/ 2147483647 h 105"/>
                  <a:gd name="T14" fmla="*/ 0 w 122"/>
                  <a:gd name="T15" fmla="*/ 2147483647 h 105"/>
                  <a:gd name="T16" fmla="*/ 2147483647 w 122"/>
                  <a:gd name="T17" fmla="*/ 2147483647 h 105"/>
                  <a:gd name="T18" fmla="*/ 2147483647 w 122"/>
                  <a:gd name="T19" fmla="*/ 2147483647 h 105"/>
                  <a:gd name="T20" fmla="*/ 2147483647 w 122"/>
                  <a:gd name="T21" fmla="*/ 2147483647 h 105"/>
                  <a:gd name="T22" fmla="*/ 2147483647 w 122"/>
                  <a:gd name="T23" fmla="*/ 2147483647 h 105"/>
                  <a:gd name="T24" fmla="*/ 2147483647 w 122"/>
                  <a:gd name="T25" fmla="*/ 2147483647 h 105"/>
                  <a:gd name="T26" fmla="*/ 2147483647 w 122"/>
                  <a:gd name="T27" fmla="*/ 2147483647 h 105"/>
                  <a:gd name="T28" fmla="*/ 2147483647 w 122"/>
                  <a:gd name="T29" fmla="*/ 2147483647 h 105"/>
                  <a:gd name="T30" fmla="*/ 2147483647 w 122"/>
                  <a:gd name="T31" fmla="*/ 2147483647 h 105"/>
                  <a:gd name="T32" fmla="*/ 2147483647 w 122"/>
                  <a:gd name="T33" fmla="*/ 2147483647 h 105"/>
                  <a:gd name="T34" fmla="*/ 2147483647 w 122"/>
                  <a:gd name="T35" fmla="*/ 2147483647 h 105"/>
                  <a:gd name="T36" fmla="*/ 2147483647 w 122"/>
                  <a:gd name="T37" fmla="*/ 2147483647 h 105"/>
                  <a:gd name="T38" fmla="*/ 2147483647 w 122"/>
                  <a:gd name="T39" fmla="*/ 0 h 105"/>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w 122"/>
                  <a:gd name="T61" fmla="*/ 0 h 105"/>
                  <a:gd name="T62" fmla="*/ 122 w 122"/>
                  <a:gd name="T63" fmla="*/ 105 h 105"/>
                </a:gdLst>
                <a:ahLst/>
                <a:cxnLst>
                  <a:cxn ang="T40">
                    <a:pos x="T0" y="T1"/>
                  </a:cxn>
                  <a:cxn ang="T41">
                    <a:pos x="T2" y="T3"/>
                  </a:cxn>
                  <a:cxn ang="T42">
                    <a:pos x="T4" y="T5"/>
                  </a:cxn>
                  <a:cxn ang="T43">
                    <a:pos x="T6" y="T7"/>
                  </a:cxn>
                  <a:cxn ang="T44">
                    <a:pos x="T8" y="T9"/>
                  </a:cxn>
                  <a:cxn ang="T45">
                    <a:pos x="T10" y="T11"/>
                  </a:cxn>
                  <a:cxn ang="T46">
                    <a:pos x="T12" y="T13"/>
                  </a:cxn>
                  <a:cxn ang="T47">
                    <a:pos x="T14" y="T15"/>
                  </a:cxn>
                  <a:cxn ang="T48">
                    <a:pos x="T16" y="T17"/>
                  </a:cxn>
                  <a:cxn ang="T49">
                    <a:pos x="T18" y="T19"/>
                  </a:cxn>
                  <a:cxn ang="T50">
                    <a:pos x="T20" y="T21"/>
                  </a:cxn>
                  <a:cxn ang="T51">
                    <a:pos x="T22" y="T23"/>
                  </a:cxn>
                  <a:cxn ang="T52">
                    <a:pos x="T24" y="T25"/>
                  </a:cxn>
                  <a:cxn ang="T53">
                    <a:pos x="T26" y="T27"/>
                  </a:cxn>
                  <a:cxn ang="T54">
                    <a:pos x="T28" y="T29"/>
                  </a:cxn>
                  <a:cxn ang="T55">
                    <a:pos x="T30" y="T31"/>
                  </a:cxn>
                  <a:cxn ang="T56">
                    <a:pos x="T32" y="T33"/>
                  </a:cxn>
                  <a:cxn ang="T57">
                    <a:pos x="T34" y="T35"/>
                  </a:cxn>
                  <a:cxn ang="T58">
                    <a:pos x="T36" y="T37"/>
                  </a:cxn>
                  <a:cxn ang="T59">
                    <a:pos x="T38" y="T39"/>
                  </a:cxn>
                </a:cxnLst>
                <a:rect l="T60" t="T61" r="T62" b="T63"/>
                <a:pathLst>
                  <a:path w="122" h="105">
                    <a:moveTo>
                      <a:pt x="121" y="0"/>
                    </a:moveTo>
                    <a:lnTo>
                      <a:pt x="95" y="0"/>
                    </a:lnTo>
                    <a:lnTo>
                      <a:pt x="78" y="16"/>
                    </a:lnTo>
                    <a:lnTo>
                      <a:pt x="61" y="24"/>
                    </a:lnTo>
                    <a:lnTo>
                      <a:pt x="43" y="40"/>
                    </a:lnTo>
                    <a:lnTo>
                      <a:pt x="26" y="40"/>
                    </a:lnTo>
                    <a:lnTo>
                      <a:pt x="0" y="72"/>
                    </a:lnTo>
                    <a:lnTo>
                      <a:pt x="0" y="88"/>
                    </a:lnTo>
                    <a:lnTo>
                      <a:pt x="17" y="80"/>
                    </a:lnTo>
                    <a:lnTo>
                      <a:pt x="35" y="64"/>
                    </a:lnTo>
                    <a:lnTo>
                      <a:pt x="43" y="72"/>
                    </a:lnTo>
                    <a:lnTo>
                      <a:pt x="26" y="88"/>
                    </a:lnTo>
                    <a:lnTo>
                      <a:pt x="35" y="96"/>
                    </a:lnTo>
                    <a:lnTo>
                      <a:pt x="43" y="104"/>
                    </a:lnTo>
                    <a:lnTo>
                      <a:pt x="69" y="88"/>
                    </a:lnTo>
                    <a:lnTo>
                      <a:pt x="69" y="72"/>
                    </a:lnTo>
                    <a:lnTo>
                      <a:pt x="95" y="40"/>
                    </a:lnTo>
                    <a:lnTo>
                      <a:pt x="112" y="32"/>
                    </a:lnTo>
                    <a:lnTo>
                      <a:pt x="121" y="8"/>
                    </a:lnTo>
                    <a:lnTo>
                      <a:pt x="121" y="0"/>
                    </a:lnTo>
                  </a:path>
                </a:pathLst>
              </a:custGeom>
              <a:solidFill>
                <a:srgbClr val="99CCFF"/>
              </a:solidFill>
              <a:ln w="12700" cap="rnd">
                <a:solidFill>
                  <a:schemeClr val="bg1"/>
                </a:solidFill>
                <a:round/>
                <a:headEnd/>
                <a:tailEnd/>
              </a:ln>
            </p:spPr>
            <p:txBody>
              <a:bodyPr/>
              <a:lstStyle/>
              <a:p>
                <a:endParaRPr lang="de-CH" dirty="0"/>
              </a:p>
            </p:txBody>
          </p:sp>
          <p:sp>
            <p:nvSpPr>
              <p:cNvPr id="93" name="Freeform 128" descr="Blaues Seidenpapier"/>
              <p:cNvSpPr>
                <a:spLocks/>
              </p:cNvSpPr>
              <p:nvPr/>
            </p:nvSpPr>
            <p:spPr bwMode="auto">
              <a:xfrm>
                <a:off x="2214" y="2335"/>
                <a:ext cx="239" cy="148"/>
              </a:xfrm>
              <a:custGeom>
                <a:avLst/>
                <a:gdLst>
                  <a:gd name="T0" fmla="*/ 0 w 183"/>
                  <a:gd name="T1" fmla="*/ 0 h 113"/>
                  <a:gd name="T2" fmla="*/ 0 w 183"/>
                  <a:gd name="T3" fmla="*/ 2147483647 h 113"/>
                  <a:gd name="T4" fmla="*/ 2147483647 w 183"/>
                  <a:gd name="T5" fmla="*/ 2147483647 h 113"/>
                  <a:gd name="T6" fmla="*/ 2147483647 w 183"/>
                  <a:gd name="T7" fmla="*/ 2147483647 h 113"/>
                  <a:gd name="T8" fmla="*/ 2147483647 w 183"/>
                  <a:gd name="T9" fmla="*/ 2147483647 h 113"/>
                  <a:gd name="T10" fmla="*/ 2147483647 w 183"/>
                  <a:gd name="T11" fmla="*/ 2147483647 h 113"/>
                  <a:gd name="T12" fmla="*/ 2147483647 w 183"/>
                  <a:gd name="T13" fmla="*/ 2147483647 h 113"/>
                  <a:gd name="T14" fmla="*/ 2147483647 w 183"/>
                  <a:gd name="T15" fmla="*/ 2147483647 h 113"/>
                  <a:gd name="T16" fmla="*/ 2147483647 w 183"/>
                  <a:gd name="T17" fmla="*/ 2147483647 h 113"/>
                  <a:gd name="T18" fmla="*/ 2147483647 w 183"/>
                  <a:gd name="T19" fmla="*/ 2147483647 h 113"/>
                  <a:gd name="T20" fmla="*/ 2147483647 w 183"/>
                  <a:gd name="T21" fmla="*/ 2147483647 h 113"/>
                  <a:gd name="T22" fmla="*/ 2147483647 w 183"/>
                  <a:gd name="T23" fmla="*/ 2147483647 h 113"/>
                  <a:gd name="T24" fmla="*/ 2147483647 w 183"/>
                  <a:gd name="T25" fmla="*/ 2147483647 h 113"/>
                  <a:gd name="T26" fmla="*/ 2147483647 w 183"/>
                  <a:gd name="T27" fmla="*/ 0 h 113"/>
                  <a:gd name="T28" fmla="*/ 0 w 183"/>
                  <a:gd name="T29" fmla="*/ 0 h 113"/>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183"/>
                  <a:gd name="T46" fmla="*/ 0 h 113"/>
                  <a:gd name="T47" fmla="*/ 183 w 183"/>
                  <a:gd name="T48" fmla="*/ 113 h 113"/>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183" h="113">
                    <a:moveTo>
                      <a:pt x="0" y="0"/>
                    </a:moveTo>
                    <a:lnTo>
                      <a:pt x="0" y="16"/>
                    </a:lnTo>
                    <a:lnTo>
                      <a:pt x="26" y="48"/>
                    </a:lnTo>
                    <a:lnTo>
                      <a:pt x="43" y="48"/>
                    </a:lnTo>
                    <a:lnTo>
                      <a:pt x="52" y="64"/>
                    </a:lnTo>
                    <a:lnTo>
                      <a:pt x="87" y="88"/>
                    </a:lnTo>
                    <a:lnTo>
                      <a:pt x="113" y="112"/>
                    </a:lnTo>
                    <a:lnTo>
                      <a:pt x="156" y="112"/>
                    </a:lnTo>
                    <a:lnTo>
                      <a:pt x="182" y="112"/>
                    </a:lnTo>
                    <a:lnTo>
                      <a:pt x="182" y="96"/>
                    </a:lnTo>
                    <a:lnTo>
                      <a:pt x="165" y="88"/>
                    </a:lnTo>
                    <a:lnTo>
                      <a:pt x="130" y="80"/>
                    </a:lnTo>
                    <a:lnTo>
                      <a:pt x="87" y="64"/>
                    </a:lnTo>
                    <a:lnTo>
                      <a:pt x="26" y="0"/>
                    </a:lnTo>
                    <a:lnTo>
                      <a:pt x="0" y="0"/>
                    </a:lnTo>
                  </a:path>
                </a:pathLst>
              </a:custGeom>
              <a:solidFill>
                <a:srgbClr val="99CCFF"/>
              </a:solidFill>
              <a:ln w="12700" cap="rnd">
                <a:solidFill>
                  <a:schemeClr val="bg1"/>
                </a:solidFill>
                <a:round/>
                <a:headEnd/>
                <a:tailEnd/>
              </a:ln>
            </p:spPr>
            <p:txBody>
              <a:bodyPr/>
              <a:lstStyle/>
              <a:p>
                <a:endParaRPr lang="de-CH" dirty="0"/>
              </a:p>
            </p:txBody>
          </p:sp>
          <p:sp>
            <p:nvSpPr>
              <p:cNvPr id="94" name="Freeform 129" descr="Blaues Seidenpapier"/>
              <p:cNvSpPr>
                <a:spLocks/>
              </p:cNvSpPr>
              <p:nvPr/>
            </p:nvSpPr>
            <p:spPr bwMode="auto">
              <a:xfrm>
                <a:off x="2498" y="2356"/>
                <a:ext cx="182" cy="106"/>
              </a:xfrm>
              <a:custGeom>
                <a:avLst/>
                <a:gdLst>
                  <a:gd name="T0" fmla="*/ 2147483647 w 139"/>
                  <a:gd name="T1" fmla="*/ 2147483647 h 81"/>
                  <a:gd name="T2" fmla="*/ 2147483647 w 139"/>
                  <a:gd name="T3" fmla="*/ 2147483647 h 81"/>
                  <a:gd name="T4" fmla="*/ 2147483647 w 139"/>
                  <a:gd name="T5" fmla="*/ 2147483647 h 81"/>
                  <a:gd name="T6" fmla="*/ 2147483647 w 139"/>
                  <a:gd name="T7" fmla="*/ 2147483647 h 81"/>
                  <a:gd name="T8" fmla="*/ 2147483647 w 139"/>
                  <a:gd name="T9" fmla="*/ 2147483647 h 81"/>
                  <a:gd name="T10" fmla="*/ 2147483647 w 139"/>
                  <a:gd name="T11" fmla="*/ 2147483647 h 81"/>
                  <a:gd name="T12" fmla="*/ 2147483647 w 139"/>
                  <a:gd name="T13" fmla="*/ 0 h 81"/>
                  <a:gd name="T14" fmla="*/ 2147483647 w 139"/>
                  <a:gd name="T15" fmla="*/ 2147483647 h 81"/>
                  <a:gd name="T16" fmla="*/ 2147483647 w 139"/>
                  <a:gd name="T17" fmla="*/ 2147483647 h 81"/>
                  <a:gd name="T18" fmla="*/ 0 w 139"/>
                  <a:gd name="T19" fmla="*/ 2147483647 h 81"/>
                  <a:gd name="T20" fmla="*/ 2147483647 w 139"/>
                  <a:gd name="T21" fmla="*/ 2147483647 h 8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39"/>
                  <a:gd name="T34" fmla="*/ 0 h 81"/>
                  <a:gd name="T35" fmla="*/ 139 w 139"/>
                  <a:gd name="T36" fmla="*/ 81 h 8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39" h="81">
                    <a:moveTo>
                      <a:pt x="17" y="80"/>
                    </a:moveTo>
                    <a:lnTo>
                      <a:pt x="43" y="72"/>
                    </a:lnTo>
                    <a:lnTo>
                      <a:pt x="69" y="56"/>
                    </a:lnTo>
                    <a:lnTo>
                      <a:pt x="112" y="48"/>
                    </a:lnTo>
                    <a:lnTo>
                      <a:pt x="121" y="32"/>
                    </a:lnTo>
                    <a:lnTo>
                      <a:pt x="138" y="8"/>
                    </a:lnTo>
                    <a:lnTo>
                      <a:pt x="95" y="0"/>
                    </a:lnTo>
                    <a:lnTo>
                      <a:pt x="69" y="24"/>
                    </a:lnTo>
                    <a:lnTo>
                      <a:pt x="43" y="32"/>
                    </a:lnTo>
                    <a:lnTo>
                      <a:pt x="0" y="56"/>
                    </a:lnTo>
                    <a:lnTo>
                      <a:pt x="17" y="80"/>
                    </a:lnTo>
                  </a:path>
                </a:pathLst>
              </a:custGeom>
              <a:solidFill>
                <a:srgbClr val="99CCFF"/>
              </a:solidFill>
              <a:ln w="12700" cap="rnd">
                <a:solidFill>
                  <a:schemeClr val="bg1"/>
                </a:solidFill>
                <a:round/>
                <a:headEnd/>
                <a:tailEnd/>
              </a:ln>
            </p:spPr>
            <p:txBody>
              <a:bodyPr/>
              <a:lstStyle/>
              <a:p>
                <a:endParaRPr lang="de-CH" dirty="0"/>
              </a:p>
            </p:txBody>
          </p:sp>
          <p:sp>
            <p:nvSpPr>
              <p:cNvPr id="95" name="Freeform 130" descr="Blaues Seidenpapier"/>
              <p:cNvSpPr>
                <a:spLocks/>
              </p:cNvSpPr>
              <p:nvPr/>
            </p:nvSpPr>
            <p:spPr bwMode="auto">
              <a:xfrm>
                <a:off x="2974" y="1819"/>
                <a:ext cx="386" cy="285"/>
              </a:xfrm>
              <a:custGeom>
                <a:avLst/>
                <a:gdLst>
                  <a:gd name="T0" fmla="*/ 2147483647 w 295"/>
                  <a:gd name="T1" fmla="*/ 2147483647 h 217"/>
                  <a:gd name="T2" fmla="*/ 2147483647 w 295"/>
                  <a:gd name="T3" fmla="*/ 2147483647 h 217"/>
                  <a:gd name="T4" fmla="*/ 2147483647 w 295"/>
                  <a:gd name="T5" fmla="*/ 2147483647 h 217"/>
                  <a:gd name="T6" fmla="*/ 2147483647 w 295"/>
                  <a:gd name="T7" fmla="*/ 2147483647 h 217"/>
                  <a:gd name="T8" fmla="*/ 0 w 295"/>
                  <a:gd name="T9" fmla="*/ 2147483647 h 217"/>
                  <a:gd name="T10" fmla="*/ 0 w 295"/>
                  <a:gd name="T11" fmla="*/ 2147483647 h 217"/>
                  <a:gd name="T12" fmla="*/ 2147483647 w 295"/>
                  <a:gd name="T13" fmla="*/ 2147483647 h 217"/>
                  <a:gd name="T14" fmla="*/ 2147483647 w 295"/>
                  <a:gd name="T15" fmla="*/ 2147483647 h 217"/>
                  <a:gd name="T16" fmla="*/ 0 w 295"/>
                  <a:gd name="T17" fmla="*/ 2147483647 h 217"/>
                  <a:gd name="T18" fmla="*/ 0 w 295"/>
                  <a:gd name="T19" fmla="*/ 2147483647 h 217"/>
                  <a:gd name="T20" fmla="*/ 2147483647 w 295"/>
                  <a:gd name="T21" fmla="*/ 2147483647 h 217"/>
                  <a:gd name="T22" fmla="*/ 2147483647 w 295"/>
                  <a:gd name="T23" fmla="*/ 2147483647 h 217"/>
                  <a:gd name="T24" fmla="*/ 2147483647 w 295"/>
                  <a:gd name="T25" fmla="*/ 2147483647 h 217"/>
                  <a:gd name="T26" fmla="*/ 2147483647 w 295"/>
                  <a:gd name="T27" fmla="*/ 2147483647 h 217"/>
                  <a:gd name="T28" fmla="*/ 2147483647 w 295"/>
                  <a:gd name="T29" fmla="*/ 2147483647 h 217"/>
                  <a:gd name="T30" fmla="*/ 2147483647 w 295"/>
                  <a:gd name="T31" fmla="*/ 2147483647 h 217"/>
                  <a:gd name="T32" fmla="*/ 2147483647 w 295"/>
                  <a:gd name="T33" fmla="*/ 2147483647 h 217"/>
                  <a:gd name="T34" fmla="*/ 2147483647 w 295"/>
                  <a:gd name="T35" fmla="*/ 2147483647 h 217"/>
                  <a:gd name="T36" fmla="*/ 2147483647 w 295"/>
                  <a:gd name="T37" fmla="*/ 2147483647 h 217"/>
                  <a:gd name="T38" fmla="*/ 2147483647 w 295"/>
                  <a:gd name="T39" fmla="*/ 2147483647 h 217"/>
                  <a:gd name="T40" fmla="*/ 2147483647 w 295"/>
                  <a:gd name="T41" fmla="*/ 2147483647 h 217"/>
                  <a:gd name="T42" fmla="*/ 2147483647 w 295"/>
                  <a:gd name="T43" fmla="*/ 2147483647 h 217"/>
                  <a:gd name="T44" fmla="*/ 2147483647 w 295"/>
                  <a:gd name="T45" fmla="*/ 2147483647 h 217"/>
                  <a:gd name="T46" fmla="*/ 2147483647 w 295"/>
                  <a:gd name="T47" fmla="*/ 2147483647 h 217"/>
                  <a:gd name="T48" fmla="*/ 2147483647 w 295"/>
                  <a:gd name="T49" fmla="*/ 2147483647 h 217"/>
                  <a:gd name="T50" fmla="*/ 2147483647 w 295"/>
                  <a:gd name="T51" fmla="*/ 2147483647 h 217"/>
                  <a:gd name="T52" fmla="*/ 2147483647 w 295"/>
                  <a:gd name="T53" fmla="*/ 2147483647 h 217"/>
                  <a:gd name="T54" fmla="*/ 2147483647 w 295"/>
                  <a:gd name="T55" fmla="*/ 2147483647 h 217"/>
                  <a:gd name="T56" fmla="*/ 2147483647 w 295"/>
                  <a:gd name="T57" fmla="*/ 2147483647 h 217"/>
                  <a:gd name="T58" fmla="*/ 2147483647 w 295"/>
                  <a:gd name="T59" fmla="*/ 2147483647 h 217"/>
                  <a:gd name="T60" fmla="*/ 2147483647 w 295"/>
                  <a:gd name="T61" fmla="*/ 2147483647 h 217"/>
                  <a:gd name="T62" fmla="*/ 2147483647 w 295"/>
                  <a:gd name="T63" fmla="*/ 2147483647 h 217"/>
                  <a:gd name="T64" fmla="*/ 2147483647 w 295"/>
                  <a:gd name="T65" fmla="*/ 2147483647 h 217"/>
                  <a:gd name="T66" fmla="*/ 2147483647 w 295"/>
                  <a:gd name="T67" fmla="*/ 2147483647 h 217"/>
                  <a:gd name="T68" fmla="*/ 2147483647 w 295"/>
                  <a:gd name="T69" fmla="*/ 2147483647 h 217"/>
                  <a:gd name="T70" fmla="*/ 2147483647 w 295"/>
                  <a:gd name="T71" fmla="*/ 2147483647 h 217"/>
                  <a:gd name="T72" fmla="*/ 2147483647 w 295"/>
                  <a:gd name="T73" fmla="*/ 2147483647 h 217"/>
                  <a:gd name="T74" fmla="*/ 2147483647 w 295"/>
                  <a:gd name="T75" fmla="*/ 2147483647 h 217"/>
                  <a:gd name="T76" fmla="*/ 2147483647 w 295"/>
                  <a:gd name="T77" fmla="*/ 2147483647 h 217"/>
                  <a:gd name="T78" fmla="*/ 2147483647 w 295"/>
                  <a:gd name="T79" fmla="*/ 2147483647 h 217"/>
                  <a:gd name="T80" fmla="*/ 2147483647 w 295"/>
                  <a:gd name="T81" fmla="*/ 2147483647 h 217"/>
                  <a:gd name="T82" fmla="*/ 2147483647 w 295"/>
                  <a:gd name="T83" fmla="*/ 0 h 217"/>
                  <a:gd name="T84" fmla="*/ 2147483647 w 295"/>
                  <a:gd name="T85" fmla="*/ 2147483647 h 217"/>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5"/>
                  <a:gd name="T130" fmla="*/ 0 h 217"/>
                  <a:gd name="T131" fmla="*/ 295 w 295"/>
                  <a:gd name="T132" fmla="*/ 217 h 217"/>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5" h="217">
                    <a:moveTo>
                      <a:pt x="78" y="16"/>
                    </a:moveTo>
                    <a:lnTo>
                      <a:pt x="61" y="32"/>
                    </a:lnTo>
                    <a:lnTo>
                      <a:pt x="26" y="32"/>
                    </a:lnTo>
                    <a:lnTo>
                      <a:pt x="26" y="8"/>
                    </a:lnTo>
                    <a:lnTo>
                      <a:pt x="0" y="16"/>
                    </a:lnTo>
                    <a:lnTo>
                      <a:pt x="0" y="32"/>
                    </a:lnTo>
                    <a:lnTo>
                      <a:pt x="26" y="40"/>
                    </a:lnTo>
                    <a:lnTo>
                      <a:pt x="26" y="72"/>
                    </a:lnTo>
                    <a:lnTo>
                      <a:pt x="0" y="104"/>
                    </a:lnTo>
                    <a:lnTo>
                      <a:pt x="0" y="120"/>
                    </a:lnTo>
                    <a:lnTo>
                      <a:pt x="26" y="120"/>
                    </a:lnTo>
                    <a:lnTo>
                      <a:pt x="52" y="96"/>
                    </a:lnTo>
                    <a:lnTo>
                      <a:pt x="52" y="80"/>
                    </a:lnTo>
                    <a:lnTo>
                      <a:pt x="112" y="80"/>
                    </a:lnTo>
                    <a:lnTo>
                      <a:pt x="112" y="88"/>
                    </a:lnTo>
                    <a:lnTo>
                      <a:pt x="95" y="104"/>
                    </a:lnTo>
                    <a:lnTo>
                      <a:pt x="104" y="120"/>
                    </a:lnTo>
                    <a:lnTo>
                      <a:pt x="164" y="120"/>
                    </a:lnTo>
                    <a:lnTo>
                      <a:pt x="216" y="128"/>
                    </a:lnTo>
                    <a:lnTo>
                      <a:pt x="242" y="120"/>
                    </a:lnTo>
                    <a:lnTo>
                      <a:pt x="259" y="120"/>
                    </a:lnTo>
                    <a:lnTo>
                      <a:pt x="259" y="144"/>
                    </a:lnTo>
                    <a:lnTo>
                      <a:pt x="251" y="160"/>
                    </a:lnTo>
                    <a:lnTo>
                      <a:pt x="251" y="192"/>
                    </a:lnTo>
                    <a:lnTo>
                      <a:pt x="268" y="208"/>
                    </a:lnTo>
                    <a:lnTo>
                      <a:pt x="285" y="216"/>
                    </a:lnTo>
                    <a:lnTo>
                      <a:pt x="294" y="208"/>
                    </a:lnTo>
                    <a:lnTo>
                      <a:pt x="294" y="160"/>
                    </a:lnTo>
                    <a:lnTo>
                      <a:pt x="285" y="152"/>
                    </a:lnTo>
                    <a:lnTo>
                      <a:pt x="285" y="96"/>
                    </a:lnTo>
                    <a:lnTo>
                      <a:pt x="277" y="88"/>
                    </a:lnTo>
                    <a:lnTo>
                      <a:pt x="242" y="80"/>
                    </a:lnTo>
                    <a:lnTo>
                      <a:pt x="225" y="104"/>
                    </a:lnTo>
                    <a:lnTo>
                      <a:pt x="199" y="104"/>
                    </a:lnTo>
                    <a:lnTo>
                      <a:pt x="164" y="88"/>
                    </a:lnTo>
                    <a:lnTo>
                      <a:pt x="138" y="88"/>
                    </a:lnTo>
                    <a:lnTo>
                      <a:pt x="138" y="72"/>
                    </a:lnTo>
                    <a:lnTo>
                      <a:pt x="112" y="56"/>
                    </a:lnTo>
                    <a:lnTo>
                      <a:pt x="86" y="48"/>
                    </a:lnTo>
                    <a:lnTo>
                      <a:pt x="86" y="32"/>
                    </a:lnTo>
                    <a:lnTo>
                      <a:pt x="112" y="16"/>
                    </a:lnTo>
                    <a:lnTo>
                      <a:pt x="112" y="0"/>
                    </a:lnTo>
                    <a:lnTo>
                      <a:pt x="78" y="16"/>
                    </a:lnTo>
                  </a:path>
                </a:pathLst>
              </a:custGeom>
              <a:solidFill>
                <a:srgbClr val="99CCFF"/>
              </a:solidFill>
              <a:ln w="12700" cap="rnd">
                <a:solidFill>
                  <a:schemeClr val="bg1"/>
                </a:solidFill>
                <a:round/>
                <a:headEnd/>
                <a:tailEnd/>
              </a:ln>
            </p:spPr>
            <p:txBody>
              <a:bodyPr/>
              <a:lstStyle/>
              <a:p>
                <a:endParaRPr lang="de-CH" dirty="0"/>
              </a:p>
            </p:txBody>
          </p:sp>
          <p:sp>
            <p:nvSpPr>
              <p:cNvPr id="96" name="Freeform 131" descr="Blaues Seidenpapier"/>
              <p:cNvSpPr>
                <a:spLocks/>
              </p:cNvSpPr>
              <p:nvPr/>
            </p:nvSpPr>
            <p:spPr bwMode="auto">
              <a:xfrm>
                <a:off x="3144" y="1671"/>
                <a:ext cx="58" cy="160"/>
              </a:xfrm>
              <a:custGeom>
                <a:avLst/>
                <a:gdLst>
                  <a:gd name="T0" fmla="*/ 2147483647 w 44"/>
                  <a:gd name="T1" fmla="*/ 0 h 121"/>
                  <a:gd name="T2" fmla="*/ 0 w 44"/>
                  <a:gd name="T3" fmla="*/ 2147483647 h 121"/>
                  <a:gd name="T4" fmla="*/ 0 w 44"/>
                  <a:gd name="T5" fmla="*/ 2147483647 h 121"/>
                  <a:gd name="T6" fmla="*/ 0 w 44"/>
                  <a:gd name="T7" fmla="*/ 2147483647 h 121"/>
                  <a:gd name="T8" fmla="*/ 2147483647 w 44"/>
                  <a:gd name="T9" fmla="*/ 2147483647 h 121"/>
                  <a:gd name="T10" fmla="*/ 2147483647 w 44"/>
                  <a:gd name="T11" fmla="*/ 2147483647 h 121"/>
                  <a:gd name="T12" fmla="*/ 2147483647 w 44"/>
                  <a:gd name="T13" fmla="*/ 2147483647 h 121"/>
                  <a:gd name="T14" fmla="*/ 2147483647 w 44"/>
                  <a:gd name="T15" fmla="*/ 2147483647 h 121"/>
                  <a:gd name="T16" fmla="*/ 2147483647 w 44"/>
                  <a:gd name="T17" fmla="*/ 2147483647 h 121"/>
                  <a:gd name="T18" fmla="*/ 2147483647 w 44"/>
                  <a:gd name="T19" fmla="*/ 2147483647 h 121"/>
                  <a:gd name="T20" fmla="*/ 2147483647 w 44"/>
                  <a:gd name="T21" fmla="*/ 2147483647 h 121"/>
                  <a:gd name="T22" fmla="*/ 2147483647 w 44"/>
                  <a:gd name="T23" fmla="*/ 2147483647 h 121"/>
                  <a:gd name="T24" fmla="*/ 2147483647 w 44"/>
                  <a:gd name="T25" fmla="*/ 2147483647 h 121"/>
                  <a:gd name="T26" fmla="*/ 2147483647 w 44"/>
                  <a:gd name="T27" fmla="*/ 2147483647 h 121"/>
                  <a:gd name="T28" fmla="*/ 2147483647 w 44"/>
                  <a:gd name="T29" fmla="*/ 2147483647 h 121"/>
                  <a:gd name="T30" fmla="*/ 2147483647 w 44"/>
                  <a:gd name="T31" fmla="*/ 0 h 121"/>
                  <a:gd name="T32" fmla="*/ 2147483647 w 44"/>
                  <a:gd name="T33" fmla="*/ 0 h 121"/>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44"/>
                  <a:gd name="T52" fmla="*/ 0 h 121"/>
                  <a:gd name="T53" fmla="*/ 44 w 44"/>
                  <a:gd name="T54" fmla="*/ 121 h 121"/>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44" h="121">
                    <a:moveTo>
                      <a:pt x="17" y="0"/>
                    </a:moveTo>
                    <a:lnTo>
                      <a:pt x="0" y="8"/>
                    </a:lnTo>
                    <a:lnTo>
                      <a:pt x="0" y="32"/>
                    </a:lnTo>
                    <a:lnTo>
                      <a:pt x="0" y="56"/>
                    </a:lnTo>
                    <a:lnTo>
                      <a:pt x="17" y="64"/>
                    </a:lnTo>
                    <a:lnTo>
                      <a:pt x="26" y="88"/>
                    </a:lnTo>
                    <a:lnTo>
                      <a:pt x="9" y="96"/>
                    </a:lnTo>
                    <a:lnTo>
                      <a:pt x="9" y="104"/>
                    </a:lnTo>
                    <a:lnTo>
                      <a:pt x="26" y="120"/>
                    </a:lnTo>
                    <a:lnTo>
                      <a:pt x="43" y="112"/>
                    </a:lnTo>
                    <a:lnTo>
                      <a:pt x="43" y="88"/>
                    </a:lnTo>
                    <a:lnTo>
                      <a:pt x="34" y="72"/>
                    </a:lnTo>
                    <a:lnTo>
                      <a:pt x="34" y="32"/>
                    </a:lnTo>
                    <a:lnTo>
                      <a:pt x="43" y="24"/>
                    </a:lnTo>
                    <a:lnTo>
                      <a:pt x="43" y="8"/>
                    </a:lnTo>
                    <a:lnTo>
                      <a:pt x="34" y="0"/>
                    </a:lnTo>
                    <a:lnTo>
                      <a:pt x="17" y="0"/>
                    </a:lnTo>
                  </a:path>
                </a:pathLst>
              </a:custGeom>
              <a:solidFill>
                <a:srgbClr val="99CCFF"/>
              </a:solidFill>
              <a:ln w="12700" cap="rnd">
                <a:solidFill>
                  <a:schemeClr val="bg1"/>
                </a:solidFill>
                <a:round/>
                <a:headEnd/>
                <a:tailEnd/>
              </a:ln>
            </p:spPr>
            <p:txBody>
              <a:bodyPr/>
              <a:lstStyle/>
              <a:p>
                <a:endParaRPr lang="de-CH" dirty="0"/>
              </a:p>
            </p:txBody>
          </p:sp>
          <p:sp>
            <p:nvSpPr>
              <p:cNvPr id="97" name="Freeform 132" descr="Blaues Seidenpapier"/>
              <p:cNvSpPr>
                <a:spLocks/>
              </p:cNvSpPr>
              <p:nvPr/>
            </p:nvSpPr>
            <p:spPr bwMode="auto">
              <a:xfrm>
                <a:off x="3268" y="1355"/>
                <a:ext cx="398" cy="275"/>
              </a:xfrm>
              <a:custGeom>
                <a:avLst/>
                <a:gdLst>
                  <a:gd name="T0" fmla="*/ 0 w 304"/>
                  <a:gd name="T1" fmla="*/ 2147483647 h 209"/>
                  <a:gd name="T2" fmla="*/ 0 w 304"/>
                  <a:gd name="T3" fmla="*/ 2147483647 h 209"/>
                  <a:gd name="T4" fmla="*/ 2147483647 w 304"/>
                  <a:gd name="T5" fmla="*/ 2147483647 h 209"/>
                  <a:gd name="T6" fmla="*/ 2147483647 w 304"/>
                  <a:gd name="T7" fmla="*/ 2147483647 h 209"/>
                  <a:gd name="T8" fmla="*/ 2147483647 w 304"/>
                  <a:gd name="T9" fmla="*/ 2147483647 h 209"/>
                  <a:gd name="T10" fmla="*/ 2147483647 w 304"/>
                  <a:gd name="T11" fmla="*/ 2147483647 h 209"/>
                  <a:gd name="T12" fmla="*/ 2147483647 w 304"/>
                  <a:gd name="T13" fmla="*/ 2147483647 h 209"/>
                  <a:gd name="T14" fmla="*/ 2147483647 w 304"/>
                  <a:gd name="T15" fmla="*/ 2147483647 h 209"/>
                  <a:gd name="T16" fmla="*/ 2147483647 w 304"/>
                  <a:gd name="T17" fmla="*/ 2147483647 h 209"/>
                  <a:gd name="T18" fmla="*/ 2147483647 w 304"/>
                  <a:gd name="T19" fmla="*/ 2147483647 h 209"/>
                  <a:gd name="T20" fmla="*/ 2147483647 w 304"/>
                  <a:gd name="T21" fmla="*/ 2147483647 h 209"/>
                  <a:gd name="T22" fmla="*/ 2147483647 w 304"/>
                  <a:gd name="T23" fmla="*/ 2147483647 h 209"/>
                  <a:gd name="T24" fmla="*/ 2147483647 w 304"/>
                  <a:gd name="T25" fmla="*/ 2147483647 h 209"/>
                  <a:gd name="T26" fmla="*/ 2147483647 w 304"/>
                  <a:gd name="T27" fmla="*/ 2147483647 h 209"/>
                  <a:gd name="T28" fmla="*/ 2147483647 w 304"/>
                  <a:gd name="T29" fmla="*/ 2147483647 h 209"/>
                  <a:gd name="T30" fmla="*/ 2147483647 w 304"/>
                  <a:gd name="T31" fmla="*/ 2147483647 h 209"/>
                  <a:gd name="T32" fmla="*/ 2147483647 w 304"/>
                  <a:gd name="T33" fmla="*/ 2147483647 h 209"/>
                  <a:gd name="T34" fmla="*/ 2147483647 w 304"/>
                  <a:gd name="T35" fmla="*/ 2147483647 h 209"/>
                  <a:gd name="T36" fmla="*/ 2147483647 w 304"/>
                  <a:gd name="T37" fmla="*/ 2147483647 h 209"/>
                  <a:gd name="T38" fmla="*/ 2147483647 w 304"/>
                  <a:gd name="T39" fmla="*/ 2147483647 h 209"/>
                  <a:gd name="T40" fmla="*/ 2147483647 w 304"/>
                  <a:gd name="T41" fmla="*/ 2147483647 h 209"/>
                  <a:gd name="T42" fmla="*/ 2147483647 w 304"/>
                  <a:gd name="T43" fmla="*/ 2147483647 h 209"/>
                  <a:gd name="T44" fmla="*/ 2147483647 w 304"/>
                  <a:gd name="T45" fmla="*/ 0 h 209"/>
                  <a:gd name="T46" fmla="*/ 0 w 304"/>
                  <a:gd name="T47" fmla="*/ 2147483647 h 209"/>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w 304"/>
                  <a:gd name="T73" fmla="*/ 0 h 209"/>
                  <a:gd name="T74" fmla="*/ 304 w 304"/>
                  <a:gd name="T75" fmla="*/ 209 h 209"/>
                </a:gdLst>
                <a:ahLst/>
                <a:cxnLst>
                  <a:cxn ang="T48">
                    <a:pos x="T0" y="T1"/>
                  </a:cxn>
                  <a:cxn ang="T49">
                    <a:pos x="T2" y="T3"/>
                  </a:cxn>
                  <a:cxn ang="T50">
                    <a:pos x="T4" y="T5"/>
                  </a:cxn>
                  <a:cxn ang="T51">
                    <a:pos x="T6" y="T7"/>
                  </a:cxn>
                  <a:cxn ang="T52">
                    <a:pos x="T8" y="T9"/>
                  </a:cxn>
                  <a:cxn ang="T53">
                    <a:pos x="T10" y="T11"/>
                  </a:cxn>
                  <a:cxn ang="T54">
                    <a:pos x="T12" y="T13"/>
                  </a:cxn>
                  <a:cxn ang="T55">
                    <a:pos x="T14" y="T15"/>
                  </a:cxn>
                  <a:cxn ang="T56">
                    <a:pos x="T16" y="T17"/>
                  </a:cxn>
                  <a:cxn ang="T57">
                    <a:pos x="T18" y="T19"/>
                  </a:cxn>
                  <a:cxn ang="T58">
                    <a:pos x="T20" y="T21"/>
                  </a:cxn>
                  <a:cxn ang="T59">
                    <a:pos x="T22" y="T23"/>
                  </a:cxn>
                  <a:cxn ang="T60">
                    <a:pos x="T24" y="T25"/>
                  </a:cxn>
                  <a:cxn ang="T61">
                    <a:pos x="T26" y="T27"/>
                  </a:cxn>
                  <a:cxn ang="T62">
                    <a:pos x="T28" y="T29"/>
                  </a:cxn>
                  <a:cxn ang="T63">
                    <a:pos x="T30" y="T31"/>
                  </a:cxn>
                  <a:cxn ang="T64">
                    <a:pos x="T32" y="T33"/>
                  </a:cxn>
                  <a:cxn ang="T65">
                    <a:pos x="T34" y="T35"/>
                  </a:cxn>
                  <a:cxn ang="T66">
                    <a:pos x="T36" y="T37"/>
                  </a:cxn>
                  <a:cxn ang="T67">
                    <a:pos x="T38" y="T39"/>
                  </a:cxn>
                  <a:cxn ang="T68">
                    <a:pos x="T40" y="T41"/>
                  </a:cxn>
                  <a:cxn ang="T69">
                    <a:pos x="T42" y="T43"/>
                  </a:cxn>
                  <a:cxn ang="T70">
                    <a:pos x="T44" y="T45"/>
                  </a:cxn>
                  <a:cxn ang="T71">
                    <a:pos x="T46" y="T47"/>
                  </a:cxn>
                </a:cxnLst>
                <a:rect l="T72" t="T73" r="T74" b="T75"/>
                <a:pathLst>
                  <a:path w="304" h="209">
                    <a:moveTo>
                      <a:pt x="0" y="8"/>
                    </a:moveTo>
                    <a:lnTo>
                      <a:pt x="0" y="40"/>
                    </a:lnTo>
                    <a:lnTo>
                      <a:pt x="9" y="88"/>
                    </a:lnTo>
                    <a:lnTo>
                      <a:pt x="43" y="128"/>
                    </a:lnTo>
                    <a:lnTo>
                      <a:pt x="87" y="168"/>
                    </a:lnTo>
                    <a:lnTo>
                      <a:pt x="121" y="192"/>
                    </a:lnTo>
                    <a:lnTo>
                      <a:pt x="147" y="208"/>
                    </a:lnTo>
                    <a:lnTo>
                      <a:pt x="199" y="200"/>
                    </a:lnTo>
                    <a:lnTo>
                      <a:pt x="225" y="192"/>
                    </a:lnTo>
                    <a:lnTo>
                      <a:pt x="242" y="208"/>
                    </a:lnTo>
                    <a:lnTo>
                      <a:pt x="286" y="208"/>
                    </a:lnTo>
                    <a:lnTo>
                      <a:pt x="303" y="192"/>
                    </a:lnTo>
                    <a:lnTo>
                      <a:pt x="303" y="176"/>
                    </a:lnTo>
                    <a:lnTo>
                      <a:pt x="260" y="176"/>
                    </a:lnTo>
                    <a:lnTo>
                      <a:pt x="234" y="176"/>
                    </a:lnTo>
                    <a:lnTo>
                      <a:pt x="199" y="176"/>
                    </a:lnTo>
                    <a:lnTo>
                      <a:pt x="147" y="168"/>
                    </a:lnTo>
                    <a:lnTo>
                      <a:pt x="113" y="136"/>
                    </a:lnTo>
                    <a:lnTo>
                      <a:pt x="78" y="128"/>
                    </a:lnTo>
                    <a:lnTo>
                      <a:pt x="43" y="96"/>
                    </a:lnTo>
                    <a:lnTo>
                      <a:pt x="26" y="56"/>
                    </a:lnTo>
                    <a:lnTo>
                      <a:pt x="26" y="24"/>
                    </a:lnTo>
                    <a:lnTo>
                      <a:pt x="17" y="0"/>
                    </a:lnTo>
                    <a:lnTo>
                      <a:pt x="0" y="8"/>
                    </a:lnTo>
                  </a:path>
                </a:pathLst>
              </a:custGeom>
              <a:solidFill>
                <a:srgbClr val="99CCFF"/>
              </a:solidFill>
              <a:ln w="12700" cap="rnd">
                <a:solidFill>
                  <a:schemeClr val="bg1"/>
                </a:solidFill>
                <a:round/>
                <a:headEnd/>
                <a:tailEnd/>
              </a:ln>
            </p:spPr>
            <p:txBody>
              <a:bodyPr/>
              <a:lstStyle/>
              <a:p>
                <a:endParaRPr lang="de-CH" dirty="0"/>
              </a:p>
            </p:txBody>
          </p:sp>
          <p:sp>
            <p:nvSpPr>
              <p:cNvPr id="98" name="Freeform 133" descr="Blaues Seidenpapier"/>
              <p:cNvSpPr>
                <a:spLocks/>
              </p:cNvSpPr>
              <p:nvPr/>
            </p:nvSpPr>
            <p:spPr bwMode="auto">
              <a:xfrm>
                <a:off x="3813" y="1703"/>
                <a:ext cx="251" cy="54"/>
              </a:xfrm>
              <a:custGeom>
                <a:avLst/>
                <a:gdLst>
                  <a:gd name="T0" fmla="*/ 0 w 192"/>
                  <a:gd name="T1" fmla="*/ 2147483647 h 41"/>
                  <a:gd name="T2" fmla="*/ 2147483647 w 192"/>
                  <a:gd name="T3" fmla="*/ 2147483647 h 41"/>
                  <a:gd name="T4" fmla="*/ 2147483647 w 192"/>
                  <a:gd name="T5" fmla="*/ 2147483647 h 41"/>
                  <a:gd name="T6" fmla="*/ 2147483647 w 192"/>
                  <a:gd name="T7" fmla="*/ 2147483647 h 41"/>
                  <a:gd name="T8" fmla="*/ 2147483647 w 192"/>
                  <a:gd name="T9" fmla="*/ 2147483647 h 41"/>
                  <a:gd name="T10" fmla="*/ 2147483647 w 192"/>
                  <a:gd name="T11" fmla="*/ 2147483647 h 41"/>
                  <a:gd name="T12" fmla="*/ 2147483647 w 192"/>
                  <a:gd name="T13" fmla="*/ 2147483647 h 41"/>
                  <a:gd name="T14" fmla="*/ 2147483647 w 192"/>
                  <a:gd name="T15" fmla="*/ 2147483647 h 41"/>
                  <a:gd name="T16" fmla="*/ 2147483647 w 192"/>
                  <a:gd name="T17" fmla="*/ 2147483647 h 41"/>
                  <a:gd name="T18" fmla="*/ 2147483647 w 192"/>
                  <a:gd name="T19" fmla="*/ 0 h 41"/>
                  <a:gd name="T20" fmla="*/ 2147483647 w 192"/>
                  <a:gd name="T21" fmla="*/ 2147483647 h 41"/>
                  <a:gd name="T22" fmla="*/ 2147483647 w 192"/>
                  <a:gd name="T23" fmla="*/ 2147483647 h 41"/>
                  <a:gd name="T24" fmla="*/ 0 w 192"/>
                  <a:gd name="T25" fmla="*/ 2147483647 h 41"/>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92"/>
                  <a:gd name="T40" fmla="*/ 0 h 41"/>
                  <a:gd name="T41" fmla="*/ 192 w 192"/>
                  <a:gd name="T42" fmla="*/ 41 h 41"/>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92" h="41">
                    <a:moveTo>
                      <a:pt x="0" y="24"/>
                    </a:moveTo>
                    <a:lnTo>
                      <a:pt x="17" y="40"/>
                    </a:lnTo>
                    <a:lnTo>
                      <a:pt x="61" y="40"/>
                    </a:lnTo>
                    <a:lnTo>
                      <a:pt x="96" y="40"/>
                    </a:lnTo>
                    <a:lnTo>
                      <a:pt x="122" y="40"/>
                    </a:lnTo>
                    <a:lnTo>
                      <a:pt x="156" y="32"/>
                    </a:lnTo>
                    <a:lnTo>
                      <a:pt x="182" y="32"/>
                    </a:lnTo>
                    <a:lnTo>
                      <a:pt x="191" y="16"/>
                    </a:lnTo>
                    <a:lnTo>
                      <a:pt x="182" y="8"/>
                    </a:lnTo>
                    <a:lnTo>
                      <a:pt x="122" y="0"/>
                    </a:lnTo>
                    <a:lnTo>
                      <a:pt x="69" y="8"/>
                    </a:lnTo>
                    <a:lnTo>
                      <a:pt x="26" y="8"/>
                    </a:lnTo>
                    <a:lnTo>
                      <a:pt x="0" y="24"/>
                    </a:lnTo>
                  </a:path>
                </a:pathLst>
              </a:custGeom>
              <a:solidFill>
                <a:srgbClr val="99CCFF"/>
              </a:solidFill>
              <a:ln w="12700" cap="rnd">
                <a:solidFill>
                  <a:schemeClr val="bg1"/>
                </a:solidFill>
                <a:round/>
                <a:headEnd/>
                <a:tailEnd/>
              </a:ln>
            </p:spPr>
            <p:txBody>
              <a:bodyPr/>
              <a:lstStyle/>
              <a:p>
                <a:endParaRPr lang="de-CH" dirty="0"/>
              </a:p>
            </p:txBody>
          </p:sp>
          <p:sp>
            <p:nvSpPr>
              <p:cNvPr id="99" name="Freeform 134" descr="Blaues Seidenpapier"/>
              <p:cNvSpPr>
                <a:spLocks/>
              </p:cNvSpPr>
              <p:nvPr/>
            </p:nvSpPr>
            <p:spPr bwMode="auto">
              <a:xfrm>
                <a:off x="2838" y="1671"/>
                <a:ext cx="80" cy="75"/>
              </a:xfrm>
              <a:custGeom>
                <a:avLst/>
                <a:gdLst>
                  <a:gd name="T0" fmla="*/ 2147483647 w 61"/>
                  <a:gd name="T1" fmla="*/ 2147483647 h 57"/>
                  <a:gd name="T2" fmla="*/ 2147483647 w 61"/>
                  <a:gd name="T3" fmla="*/ 2147483647 h 57"/>
                  <a:gd name="T4" fmla="*/ 2147483647 w 61"/>
                  <a:gd name="T5" fmla="*/ 2147483647 h 57"/>
                  <a:gd name="T6" fmla="*/ 2147483647 w 61"/>
                  <a:gd name="T7" fmla="*/ 2147483647 h 57"/>
                  <a:gd name="T8" fmla="*/ 2147483647 w 61"/>
                  <a:gd name="T9" fmla="*/ 2147483647 h 57"/>
                  <a:gd name="T10" fmla="*/ 2147483647 w 61"/>
                  <a:gd name="T11" fmla="*/ 2147483647 h 57"/>
                  <a:gd name="T12" fmla="*/ 0 w 61"/>
                  <a:gd name="T13" fmla="*/ 2147483647 h 57"/>
                  <a:gd name="T14" fmla="*/ 0 w 61"/>
                  <a:gd name="T15" fmla="*/ 2147483647 h 57"/>
                  <a:gd name="T16" fmla="*/ 0 w 61"/>
                  <a:gd name="T17" fmla="*/ 0 h 57"/>
                  <a:gd name="T18" fmla="*/ 2147483647 w 61"/>
                  <a:gd name="T19" fmla="*/ 0 h 57"/>
                  <a:gd name="T20" fmla="*/ 2147483647 w 61"/>
                  <a:gd name="T21" fmla="*/ 2147483647 h 57"/>
                  <a:gd name="T22" fmla="*/ 2147483647 w 61"/>
                  <a:gd name="T23" fmla="*/ 2147483647 h 57"/>
                  <a:gd name="T24" fmla="*/ 2147483647 w 61"/>
                  <a:gd name="T25" fmla="*/ 2147483647 h 57"/>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61"/>
                  <a:gd name="T40" fmla="*/ 0 h 57"/>
                  <a:gd name="T41" fmla="*/ 61 w 61"/>
                  <a:gd name="T42" fmla="*/ 57 h 57"/>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61" h="57">
                    <a:moveTo>
                      <a:pt x="60" y="40"/>
                    </a:moveTo>
                    <a:lnTo>
                      <a:pt x="60" y="48"/>
                    </a:lnTo>
                    <a:lnTo>
                      <a:pt x="60" y="56"/>
                    </a:lnTo>
                    <a:lnTo>
                      <a:pt x="43" y="56"/>
                    </a:lnTo>
                    <a:lnTo>
                      <a:pt x="26" y="48"/>
                    </a:lnTo>
                    <a:lnTo>
                      <a:pt x="9" y="32"/>
                    </a:lnTo>
                    <a:lnTo>
                      <a:pt x="0" y="24"/>
                    </a:lnTo>
                    <a:lnTo>
                      <a:pt x="0" y="16"/>
                    </a:lnTo>
                    <a:lnTo>
                      <a:pt x="0" y="0"/>
                    </a:lnTo>
                    <a:lnTo>
                      <a:pt x="9" y="0"/>
                    </a:lnTo>
                    <a:lnTo>
                      <a:pt x="26" y="16"/>
                    </a:lnTo>
                    <a:lnTo>
                      <a:pt x="43" y="24"/>
                    </a:lnTo>
                    <a:lnTo>
                      <a:pt x="60" y="40"/>
                    </a:lnTo>
                  </a:path>
                </a:pathLst>
              </a:custGeom>
              <a:solidFill>
                <a:srgbClr val="99CCFF"/>
              </a:solidFill>
              <a:ln w="12700" cap="rnd">
                <a:solidFill>
                  <a:schemeClr val="bg1"/>
                </a:solidFill>
                <a:round/>
                <a:headEnd/>
                <a:tailEnd/>
              </a:ln>
            </p:spPr>
            <p:txBody>
              <a:bodyPr/>
              <a:lstStyle/>
              <a:p>
                <a:endParaRPr lang="de-CH" dirty="0"/>
              </a:p>
            </p:txBody>
          </p:sp>
        </p:grpSp>
        <p:grpSp>
          <p:nvGrpSpPr>
            <p:cNvPr id="11" name="Group 112"/>
            <p:cNvGrpSpPr>
              <a:grpSpLocks/>
            </p:cNvGrpSpPr>
            <p:nvPr/>
          </p:nvGrpSpPr>
          <p:grpSpPr bwMode="auto">
            <a:xfrm>
              <a:off x="395288" y="1868488"/>
              <a:ext cx="8208962" cy="4700587"/>
              <a:chOff x="249" y="1177"/>
              <a:chExt cx="5171" cy="2961"/>
            </a:xfrm>
          </p:grpSpPr>
          <p:sp>
            <p:nvSpPr>
              <p:cNvPr id="12" name="Freeform 84"/>
              <p:cNvSpPr>
                <a:spLocks/>
              </p:cNvSpPr>
              <p:nvPr/>
            </p:nvSpPr>
            <p:spPr bwMode="auto">
              <a:xfrm>
                <a:off x="2982" y="1198"/>
                <a:ext cx="692" cy="844"/>
              </a:xfrm>
              <a:custGeom>
                <a:avLst/>
                <a:gdLst>
                  <a:gd name="T0" fmla="*/ 2147483647 w 529"/>
                  <a:gd name="T1" fmla="*/ 2147483647 h 641"/>
                  <a:gd name="T2" fmla="*/ 2147483647 w 529"/>
                  <a:gd name="T3" fmla="*/ 2147483647 h 641"/>
                  <a:gd name="T4" fmla="*/ 2147483647 w 529"/>
                  <a:gd name="T5" fmla="*/ 2147483647 h 641"/>
                  <a:gd name="T6" fmla="*/ 2147483647 w 529"/>
                  <a:gd name="T7" fmla="*/ 2147483647 h 641"/>
                  <a:gd name="T8" fmla="*/ 2147483647 w 529"/>
                  <a:gd name="T9" fmla="*/ 2147483647 h 641"/>
                  <a:gd name="T10" fmla="*/ 2147483647 w 529"/>
                  <a:gd name="T11" fmla="*/ 2147483647 h 641"/>
                  <a:gd name="T12" fmla="*/ 2147483647 w 529"/>
                  <a:gd name="T13" fmla="*/ 2147483647 h 641"/>
                  <a:gd name="T14" fmla="*/ 2147483647 w 529"/>
                  <a:gd name="T15" fmla="*/ 2147483647 h 641"/>
                  <a:gd name="T16" fmla="*/ 2147483647 w 529"/>
                  <a:gd name="T17" fmla="*/ 2147483647 h 641"/>
                  <a:gd name="T18" fmla="*/ 0 w 529"/>
                  <a:gd name="T19" fmla="*/ 2147483647 h 641"/>
                  <a:gd name="T20" fmla="*/ 2147483647 w 529"/>
                  <a:gd name="T21" fmla="*/ 2147483647 h 641"/>
                  <a:gd name="T22" fmla="*/ 2147483647 w 529"/>
                  <a:gd name="T23" fmla="*/ 2147483647 h 641"/>
                  <a:gd name="T24" fmla="*/ 2147483647 w 529"/>
                  <a:gd name="T25" fmla="*/ 2147483647 h 641"/>
                  <a:gd name="T26" fmla="*/ 2147483647 w 529"/>
                  <a:gd name="T27" fmla="*/ 2147483647 h 641"/>
                  <a:gd name="T28" fmla="*/ 2147483647 w 529"/>
                  <a:gd name="T29" fmla="*/ 2147483647 h 641"/>
                  <a:gd name="T30" fmla="*/ 2147483647 w 529"/>
                  <a:gd name="T31" fmla="*/ 2147483647 h 641"/>
                  <a:gd name="T32" fmla="*/ 2147483647 w 529"/>
                  <a:gd name="T33" fmla="*/ 2147483647 h 641"/>
                  <a:gd name="T34" fmla="*/ 2147483647 w 529"/>
                  <a:gd name="T35" fmla="*/ 2147483647 h 641"/>
                  <a:gd name="T36" fmla="*/ 2147483647 w 529"/>
                  <a:gd name="T37" fmla="*/ 2147483647 h 641"/>
                  <a:gd name="T38" fmla="*/ 2147483647 w 529"/>
                  <a:gd name="T39" fmla="*/ 2147483647 h 641"/>
                  <a:gd name="T40" fmla="*/ 2147483647 w 529"/>
                  <a:gd name="T41" fmla="*/ 2147483647 h 641"/>
                  <a:gd name="T42" fmla="*/ 2147483647 w 529"/>
                  <a:gd name="T43" fmla="*/ 2147483647 h 641"/>
                  <a:gd name="T44" fmla="*/ 2147483647 w 529"/>
                  <a:gd name="T45" fmla="*/ 2147483647 h 641"/>
                  <a:gd name="T46" fmla="*/ 2147483647 w 529"/>
                  <a:gd name="T47" fmla="*/ 2147483647 h 641"/>
                  <a:gd name="T48" fmla="*/ 2147483647 w 529"/>
                  <a:gd name="T49" fmla="*/ 2147483647 h 641"/>
                  <a:gd name="T50" fmla="*/ 2147483647 w 529"/>
                  <a:gd name="T51" fmla="*/ 2147483647 h 641"/>
                  <a:gd name="T52" fmla="*/ 2147483647 w 529"/>
                  <a:gd name="T53" fmla="*/ 2147483647 h 641"/>
                  <a:gd name="T54" fmla="*/ 2147483647 w 529"/>
                  <a:gd name="T55" fmla="*/ 2147483647 h 641"/>
                  <a:gd name="T56" fmla="*/ 2147483647 w 529"/>
                  <a:gd name="T57" fmla="*/ 2147483647 h 641"/>
                  <a:gd name="T58" fmla="*/ 2147483647 w 529"/>
                  <a:gd name="T59" fmla="*/ 2147483647 h 641"/>
                  <a:gd name="T60" fmla="*/ 2147483647 w 529"/>
                  <a:gd name="T61" fmla="*/ 2147483647 h 641"/>
                  <a:gd name="T62" fmla="*/ 2147483647 w 529"/>
                  <a:gd name="T63" fmla="*/ 2147483647 h 641"/>
                  <a:gd name="T64" fmla="*/ 2147483647 w 529"/>
                  <a:gd name="T65" fmla="*/ 2147483647 h 641"/>
                  <a:gd name="T66" fmla="*/ 2147483647 w 529"/>
                  <a:gd name="T67" fmla="*/ 2147483647 h 641"/>
                  <a:gd name="T68" fmla="*/ 2147483647 w 529"/>
                  <a:gd name="T69" fmla="*/ 2147483647 h 641"/>
                  <a:gd name="T70" fmla="*/ 2147483647 w 529"/>
                  <a:gd name="T71" fmla="*/ 2147483647 h 641"/>
                  <a:gd name="T72" fmla="*/ 2147483647 w 529"/>
                  <a:gd name="T73" fmla="*/ 2147483647 h 641"/>
                  <a:gd name="T74" fmla="*/ 2147483647 w 529"/>
                  <a:gd name="T75" fmla="*/ 2147483647 h 641"/>
                  <a:gd name="T76" fmla="*/ 2147483647 w 529"/>
                  <a:gd name="T77" fmla="*/ 2147483647 h 641"/>
                  <a:gd name="T78" fmla="*/ 2147483647 w 529"/>
                  <a:gd name="T79" fmla="*/ 2147483647 h 641"/>
                  <a:gd name="T80" fmla="*/ 2147483647 w 529"/>
                  <a:gd name="T81" fmla="*/ 2147483647 h 641"/>
                  <a:gd name="T82" fmla="*/ 2147483647 w 529"/>
                  <a:gd name="T83" fmla="*/ 2147483647 h 641"/>
                  <a:gd name="T84" fmla="*/ 2147483647 w 529"/>
                  <a:gd name="T85" fmla="*/ 2147483647 h 641"/>
                  <a:gd name="T86" fmla="*/ 2147483647 w 529"/>
                  <a:gd name="T87" fmla="*/ 2147483647 h 641"/>
                  <a:gd name="T88" fmla="*/ 2147483647 w 529"/>
                  <a:gd name="T89" fmla="*/ 2147483647 h 641"/>
                  <a:gd name="T90" fmla="*/ 2147483647 w 529"/>
                  <a:gd name="T91" fmla="*/ 2147483647 h 641"/>
                  <a:gd name="T92" fmla="*/ 2147483647 w 529"/>
                  <a:gd name="T93" fmla="*/ 2147483647 h 641"/>
                  <a:gd name="T94" fmla="*/ 2147483647 w 529"/>
                  <a:gd name="T95" fmla="*/ 0 h 641"/>
                  <a:gd name="T96" fmla="*/ 2147483647 w 529"/>
                  <a:gd name="T97" fmla="*/ 2147483647 h 641"/>
                  <a:gd name="T98" fmla="*/ 2147483647 w 529"/>
                  <a:gd name="T99" fmla="*/ 2147483647 h 641"/>
                  <a:gd name="T100" fmla="*/ 2147483647 w 529"/>
                  <a:gd name="T101" fmla="*/ 2147483647 h 641"/>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29"/>
                  <a:gd name="T154" fmla="*/ 0 h 641"/>
                  <a:gd name="T155" fmla="*/ 529 w 529"/>
                  <a:gd name="T156" fmla="*/ 641 h 641"/>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29" h="641">
                    <a:moveTo>
                      <a:pt x="199" y="64"/>
                    </a:moveTo>
                    <a:lnTo>
                      <a:pt x="199" y="88"/>
                    </a:lnTo>
                    <a:lnTo>
                      <a:pt x="164" y="88"/>
                    </a:lnTo>
                    <a:lnTo>
                      <a:pt x="147" y="80"/>
                    </a:lnTo>
                    <a:lnTo>
                      <a:pt x="104" y="96"/>
                    </a:lnTo>
                    <a:lnTo>
                      <a:pt x="78" y="128"/>
                    </a:lnTo>
                    <a:lnTo>
                      <a:pt x="95" y="152"/>
                    </a:lnTo>
                    <a:lnTo>
                      <a:pt x="43" y="152"/>
                    </a:lnTo>
                    <a:lnTo>
                      <a:pt x="61" y="192"/>
                    </a:lnTo>
                    <a:lnTo>
                      <a:pt x="0" y="240"/>
                    </a:lnTo>
                    <a:lnTo>
                      <a:pt x="52" y="440"/>
                    </a:lnTo>
                    <a:lnTo>
                      <a:pt x="69" y="440"/>
                    </a:lnTo>
                    <a:lnTo>
                      <a:pt x="78" y="456"/>
                    </a:lnTo>
                    <a:lnTo>
                      <a:pt x="43" y="488"/>
                    </a:lnTo>
                    <a:lnTo>
                      <a:pt x="35" y="512"/>
                    </a:lnTo>
                    <a:lnTo>
                      <a:pt x="52" y="552"/>
                    </a:lnTo>
                    <a:lnTo>
                      <a:pt x="52" y="560"/>
                    </a:lnTo>
                    <a:lnTo>
                      <a:pt x="87" y="568"/>
                    </a:lnTo>
                    <a:lnTo>
                      <a:pt x="121" y="584"/>
                    </a:lnTo>
                    <a:lnTo>
                      <a:pt x="164" y="560"/>
                    </a:lnTo>
                    <a:lnTo>
                      <a:pt x="208" y="592"/>
                    </a:lnTo>
                    <a:lnTo>
                      <a:pt x="225" y="616"/>
                    </a:lnTo>
                    <a:lnTo>
                      <a:pt x="242" y="640"/>
                    </a:lnTo>
                    <a:lnTo>
                      <a:pt x="286" y="608"/>
                    </a:lnTo>
                    <a:lnTo>
                      <a:pt x="303" y="584"/>
                    </a:lnTo>
                    <a:lnTo>
                      <a:pt x="390" y="560"/>
                    </a:lnTo>
                    <a:lnTo>
                      <a:pt x="441" y="520"/>
                    </a:lnTo>
                    <a:lnTo>
                      <a:pt x="493" y="512"/>
                    </a:lnTo>
                    <a:lnTo>
                      <a:pt x="519" y="472"/>
                    </a:lnTo>
                    <a:lnTo>
                      <a:pt x="528" y="432"/>
                    </a:lnTo>
                    <a:lnTo>
                      <a:pt x="511" y="384"/>
                    </a:lnTo>
                    <a:lnTo>
                      <a:pt x="476" y="352"/>
                    </a:lnTo>
                    <a:lnTo>
                      <a:pt x="441" y="280"/>
                    </a:lnTo>
                    <a:lnTo>
                      <a:pt x="441" y="232"/>
                    </a:lnTo>
                    <a:lnTo>
                      <a:pt x="450" y="200"/>
                    </a:lnTo>
                    <a:lnTo>
                      <a:pt x="441" y="176"/>
                    </a:lnTo>
                    <a:lnTo>
                      <a:pt x="415" y="192"/>
                    </a:lnTo>
                    <a:lnTo>
                      <a:pt x="407" y="168"/>
                    </a:lnTo>
                    <a:lnTo>
                      <a:pt x="390" y="144"/>
                    </a:lnTo>
                    <a:lnTo>
                      <a:pt x="338" y="120"/>
                    </a:lnTo>
                    <a:lnTo>
                      <a:pt x="320" y="88"/>
                    </a:lnTo>
                    <a:lnTo>
                      <a:pt x="338" y="80"/>
                    </a:lnTo>
                    <a:lnTo>
                      <a:pt x="372" y="88"/>
                    </a:lnTo>
                    <a:lnTo>
                      <a:pt x="390" y="64"/>
                    </a:lnTo>
                    <a:lnTo>
                      <a:pt x="364" y="48"/>
                    </a:lnTo>
                    <a:lnTo>
                      <a:pt x="338" y="56"/>
                    </a:lnTo>
                    <a:lnTo>
                      <a:pt x="303" y="56"/>
                    </a:lnTo>
                    <a:lnTo>
                      <a:pt x="260" y="0"/>
                    </a:lnTo>
                    <a:lnTo>
                      <a:pt x="199" y="40"/>
                    </a:lnTo>
                    <a:lnTo>
                      <a:pt x="208" y="40"/>
                    </a:lnTo>
                    <a:lnTo>
                      <a:pt x="199" y="64"/>
                    </a:lnTo>
                  </a:path>
                </a:pathLst>
              </a:custGeom>
              <a:solidFill>
                <a:srgbClr val="CBCBCB"/>
              </a:solidFill>
              <a:ln w="12700" cap="rnd">
                <a:solidFill>
                  <a:schemeClr val="bg1"/>
                </a:solidFill>
                <a:round/>
                <a:headEnd/>
                <a:tailEnd/>
              </a:ln>
            </p:spPr>
            <p:txBody>
              <a:bodyPr/>
              <a:lstStyle/>
              <a:p>
                <a:endParaRPr lang="de-CH" dirty="0"/>
              </a:p>
            </p:txBody>
          </p:sp>
          <p:sp>
            <p:nvSpPr>
              <p:cNvPr id="13" name="Freeform 85"/>
              <p:cNvSpPr>
                <a:spLocks/>
              </p:cNvSpPr>
              <p:nvPr/>
            </p:nvSpPr>
            <p:spPr bwMode="auto">
              <a:xfrm>
                <a:off x="385" y="2430"/>
                <a:ext cx="1340" cy="1139"/>
              </a:xfrm>
              <a:custGeom>
                <a:avLst/>
                <a:gdLst>
                  <a:gd name="T0" fmla="*/ 2147483647 w 1024"/>
                  <a:gd name="T1" fmla="*/ 2147483647 h 865"/>
                  <a:gd name="T2" fmla="*/ 2147483647 w 1024"/>
                  <a:gd name="T3" fmla="*/ 2147483647 h 865"/>
                  <a:gd name="T4" fmla="*/ 2147483647 w 1024"/>
                  <a:gd name="T5" fmla="*/ 2147483647 h 865"/>
                  <a:gd name="T6" fmla="*/ 2147483647 w 1024"/>
                  <a:gd name="T7" fmla="*/ 2147483647 h 865"/>
                  <a:gd name="T8" fmla="*/ 2147483647 w 1024"/>
                  <a:gd name="T9" fmla="*/ 2147483647 h 865"/>
                  <a:gd name="T10" fmla="*/ 2147483647 w 1024"/>
                  <a:gd name="T11" fmla="*/ 0 h 865"/>
                  <a:gd name="T12" fmla="*/ 2147483647 w 1024"/>
                  <a:gd name="T13" fmla="*/ 2147483647 h 865"/>
                  <a:gd name="T14" fmla="*/ 2147483647 w 1024"/>
                  <a:gd name="T15" fmla="*/ 2147483647 h 865"/>
                  <a:gd name="T16" fmla="*/ 2147483647 w 1024"/>
                  <a:gd name="T17" fmla="*/ 2147483647 h 865"/>
                  <a:gd name="T18" fmla="*/ 2147483647 w 1024"/>
                  <a:gd name="T19" fmla="*/ 2147483647 h 865"/>
                  <a:gd name="T20" fmla="*/ 2147483647 w 1024"/>
                  <a:gd name="T21" fmla="*/ 2147483647 h 865"/>
                  <a:gd name="T22" fmla="*/ 2147483647 w 1024"/>
                  <a:gd name="T23" fmla="*/ 2147483647 h 865"/>
                  <a:gd name="T24" fmla="*/ 2147483647 w 1024"/>
                  <a:gd name="T25" fmla="*/ 0 h 865"/>
                  <a:gd name="T26" fmla="*/ 2147483647 w 1024"/>
                  <a:gd name="T27" fmla="*/ 2147483647 h 865"/>
                  <a:gd name="T28" fmla="*/ 2147483647 w 1024"/>
                  <a:gd name="T29" fmla="*/ 2147483647 h 865"/>
                  <a:gd name="T30" fmla="*/ 2147483647 w 1024"/>
                  <a:gd name="T31" fmla="*/ 2147483647 h 865"/>
                  <a:gd name="T32" fmla="*/ 2147483647 w 1024"/>
                  <a:gd name="T33" fmla="*/ 2147483647 h 865"/>
                  <a:gd name="T34" fmla="*/ 2147483647 w 1024"/>
                  <a:gd name="T35" fmla="*/ 2147483647 h 865"/>
                  <a:gd name="T36" fmla="*/ 2147483647 w 1024"/>
                  <a:gd name="T37" fmla="*/ 2147483647 h 865"/>
                  <a:gd name="T38" fmla="*/ 2147483647 w 1024"/>
                  <a:gd name="T39" fmla="*/ 2147483647 h 865"/>
                  <a:gd name="T40" fmla="*/ 2147483647 w 1024"/>
                  <a:gd name="T41" fmla="*/ 2147483647 h 865"/>
                  <a:gd name="T42" fmla="*/ 2147483647 w 1024"/>
                  <a:gd name="T43" fmla="*/ 2147483647 h 865"/>
                  <a:gd name="T44" fmla="*/ 2147483647 w 1024"/>
                  <a:gd name="T45" fmla="*/ 2147483647 h 865"/>
                  <a:gd name="T46" fmla="*/ 2147483647 w 1024"/>
                  <a:gd name="T47" fmla="*/ 2147483647 h 865"/>
                  <a:gd name="T48" fmla="*/ 2147483647 w 1024"/>
                  <a:gd name="T49" fmla="*/ 2147483647 h 865"/>
                  <a:gd name="T50" fmla="*/ 2147483647 w 1024"/>
                  <a:gd name="T51" fmla="*/ 2147483647 h 865"/>
                  <a:gd name="T52" fmla="*/ 2147483647 w 1024"/>
                  <a:gd name="T53" fmla="*/ 2147483647 h 865"/>
                  <a:gd name="T54" fmla="*/ 2147483647 w 1024"/>
                  <a:gd name="T55" fmla="*/ 2147483647 h 865"/>
                  <a:gd name="T56" fmla="*/ 2147483647 w 1024"/>
                  <a:gd name="T57" fmla="*/ 2147483647 h 865"/>
                  <a:gd name="T58" fmla="*/ 2147483647 w 1024"/>
                  <a:gd name="T59" fmla="*/ 2147483647 h 865"/>
                  <a:gd name="T60" fmla="*/ 2147483647 w 1024"/>
                  <a:gd name="T61" fmla="*/ 2147483647 h 865"/>
                  <a:gd name="T62" fmla="*/ 2147483647 w 1024"/>
                  <a:gd name="T63" fmla="*/ 2147483647 h 865"/>
                  <a:gd name="T64" fmla="*/ 2147483647 w 1024"/>
                  <a:gd name="T65" fmla="*/ 2147483647 h 865"/>
                  <a:gd name="T66" fmla="*/ 2147483647 w 1024"/>
                  <a:gd name="T67" fmla="*/ 2147483647 h 86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1024"/>
                  <a:gd name="T103" fmla="*/ 0 h 865"/>
                  <a:gd name="T104" fmla="*/ 1024 w 1024"/>
                  <a:gd name="T105" fmla="*/ 865 h 86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1024" h="865">
                    <a:moveTo>
                      <a:pt x="43" y="688"/>
                    </a:moveTo>
                    <a:lnTo>
                      <a:pt x="78" y="640"/>
                    </a:lnTo>
                    <a:lnTo>
                      <a:pt x="0" y="568"/>
                    </a:lnTo>
                    <a:lnTo>
                      <a:pt x="69" y="432"/>
                    </a:lnTo>
                    <a:lnTo>
                      <a:pt x="35" y="392"/>
                    </a:lnTo>
                    <a:lnTo>
                      <a:pt x="208" y="256"/>
                    </a:lnTo>
                    <a:lnTo>
                      <a:pt x="338" y="152"/>
                    </a:lnTo>
                    <a:lnTo>
                      <a:pt x="321" y="128"/>
                    </a:lnTo>
                    <a:lnTo>
                      <a:pt x="329" y="72"/>
                    </a:lnTo>
                    <a:lnTo>
                      <a:pt x="459" y="40"/>
                    </a:lnTo>
                    <a:lnTo>
                      <a:pt x="538" y="0"/>
                    </a:lnTo>
                    <a:lnTo>
                      <a:pt x="555" y="0"/>
                    </a:lnTo>
                    <a:lnTo>
                      <a:pt x="572" y="24"/>
                    </a:lnTo>
                    <a:lnTo>
                      <a:pt x="581" y="72"/>
                    </a:lnTo>
                    <a:lnTo>
                      <a:pt x="598" y="112"/>
                    </a:lnTo>
                    <a:lnTo>
                      <a:pt x="616" y="136"/>
                    </a:lnTo>
                    <a:lnTo>
                      <a:pt x="659" y="144"/>
                    </a:lnTo>
                    <a:lnTo>
                      <a:pt x="728" y="144"/>
                    </a:lnTo>
                    <a:lnTo>
                      <a:pt x="746" y="128"/>
                    </a:lnTo>
                    <a:lnTo>
                      <a:pt x="746" y="88"/>
                    </a:lnTo>
                    <a:lnTo>
                      <a:pt x="728" y="80"/>
                    </a:lnTo>
                    <a:lnTo>
                      <a:pt x="728" y="56"/>
                    </a:lnTo>
                    <a:lnTo>
                      <a:pt x="746" y="48"/>
                    </a:lnTo>
                    <a:lnTo>
                      <a:pt x="737" y="24"/>
                    </a:lnTo>
                    <a:lnTo>
                      <a:pt x="746" y="8"/>
                    </a:lnTo>
                    <a:lnTo>
                      <a:pt x="772" y="0"/>
                    </a:lnTo>
                    <a:lnTo>
                      <a:pt x="789" y="48"/>
                    </a:lnTo>
                    <a:lnTo>
                      <a:pt x="806" y="96"/>
                    </a:lnTo>
                    <a:lnTo>
                      <a:pt x="772" y="152"/>
                    </a:lnTo>
                    <a:lnTo>
                      <a:pt x="737" y="192"/>
                    </a:lnTo>
                    <a:lnTo>
                      <a:pt x="763" y="216"/>
                    </a:lnTo>
                    <a:lnTo>
                      <a:pt x="720" y="272"/>
                    </a:lnTo>
                    <a:lnTo>
                      <a:pt x="676" y="304"/>
                    </a:lnTo>
                    <a:lnTo>
                      <a:pt x="633" y="320"/>
                    </a:lnTo>
                    <a:lnTo>
                      <a:pt x="633" y="368"/>
                    </a:lnTo>
                    <a:lnTo>
                      <a:pt x="642" y="400"/>
                    </a:lnTo>
                    <a:lnTo>
                      <a:pt x="685" y="408"/>
                    </a:lnTo>
                    <a:lnTo>
                      <a:pt x="720" y="432"/>
                    </a:lnTo>
                    <a:lnTo>
                      <a:pt x="676" y="464"/>
                    </a:lnTo>
                    <a:lnTo>
                      <a:pt x="650" y="464"/>
                    </a:lnTo>
                    <a:lnTo>
                      <a:pt x="633" y="472"/>
                    </a:lnTo>
                    <a:lnTo>
                      <a:pt x="676" y="512"/>
                    </a:lnTo>
                    <a:lnTo>
                      <a:pt x="720" y="480"/>
                    </a:lnTo>
                    <a:lnTo>
                      <a:pt x="763" y="496"/>
                    </a:lnTo>
                    <a:lnTo>
                      <a:pt x="780" y="528"/>
                    </a:lnTo>
                    <a:lnTo>
                      <a:pt x="780" y="560"/>
                    </a:lnTo>
                    <a:lnTo>
                      <a:pt x="806" y="568"/>
                    </a:lnTo>
                    <a:lnTo>
                      <a:pt x="858" y="520"/>
                    </a:lnTo>
                    <a:lnTo>
                      <a:pt x="893" y="512"/>
                    </a:lnTo>
                    <a:lnTo>
                      <a:pt x="936" y="472"/>
                    </a:lnTo>
                    <a:lnTo>
                      <a:pt x="1023" y="432"/>
                    </a:lnTo>
                    <a:lnTo>
                      <a:pt x="1006" y="472"/>
                    </a:lnTo>
                    <a:lnTo>
                      <a:pt x="1014" y="520"/>
                    </a:lnTo>
                    <a:lnTo>
                      <a:pt x="1006" y="560"/>
                    </a:lnTo>
                    <a:lnTo>
                      <a:pt x="962" y="600"/>
                    </a:lnTo>
                    <a:lnTo>
                      <a:pt x="988" y="640"/>
                    </a:lnTo>
                    <a:lnTo>
                      <a:pt x="1006" y="704"/>
                    </a:lnTo>
                    <a:lnTo>
                      <a:pt x="971" y="728"/>
                    </a:lnTo>
                    <a:lnTo>
                      <a:pt x="962" y="768"/>
                    </a:lnTo>
                    <a:lnTo>
                      <a:pt x="893" y="848"/>
                    </a:lnTo>
                    <a:lnTo>
                      <a:pt x="850" y="864"/>
                    </a:lnTo>
                    <a:lnTo>
                      <a:pt x="780" y="776"/>
                    </a:lnTo>
                    <a:lnTo>
                      <a:pt x="720" y="680"/>
                    </a:lnTo>
                    <a:lnTo>
                      <a:pt x="702" y="640"/>
                    </a:lnTo>
                    <a:lnTo>
                      <a:pt x="468" y="552"/>
                    </a:lnTo>
                    <a:lnTo>
                      <a:pt x="182" y="648"/>
                    </a:lnTo>
                    <a:lnTo>
                      <a:pt x="87" y="728"/>
                    </a:lnTo>
                    <a:lnTo>
                      <a:pt x="35" y="688"/>
                    </a:lnTo>
                    <a:lnTo>
                      <a:pt x="43" y="688"/>
                    </a:lnTo>
                  </a:path>
                </a:pathLst>
              </a:custGeom>
              <a:solidFill>
                <a:srgbClr val="CBCBCB"/>
              </a:solidFill>
              <a:ln w="12700">
                <a:solidFill>
                  <a:schemeClr val="bg1"/>
                </a:solidFill>
                <a:round/>
                <a:headEnd/>
                <a:tailEnd/>
              </a:ln>
            </p:spPr>
            <p:txBody>
              <a:bodyPr/>
              <a:lstStyle/>
              <a:p>
                <a:endParaRPr lang="de-CH" dirty="0"/>
              </a:p>
            </p:txBody>
          </p:sp>
          <p:sp>
            <p:nvSpPr>
              <p:cNvPr id="14" name="Freeform 86"/>
              <p:cNvSpPr>
                <a:spLocks/>
              </p:cNvSpPr>
              <p:nvPr/>
            </p:nvSpPr>
            <p:spPr bwMode="auto">
              <a:xfrm>
                <a:off x="1428" y="2325"/>
                <a:ext cx="127" cy="180"/>
              </a:xfrm>
              <a:custGeom>
                <a:avLst/>
                <a:gdLst>
                  <a:gd name="T0" fmla="*/ 2147483647 w 97"/>
                  <a:gd name="T1" fmla="*/ 2147483647 h 137"/>
                  <a:gd name="T2" fmla="*/ 2147483647 w 97"/>
                  <a:gd name="T3" fmla="*/ 2147483647 h 137"/>
                  <a:gd name="T4" fmla="*/ 2147483647 w 97"/>
                  <a:gd name="T5" fmla="*/ 2147483647 h 137"/>
                  <a:gd name="T6" fmla="*/ 2147483647 w 97"/>
                  <a:gd name="T7" fmla="*/ 2147483647 h 137"/>
                  <a:gd name="T8" fmla="*/ 2147483647 w 97"/>
                  <a:gd name="T9" fmla="*/ 2147483647 h 137"/>
                  <a:gd name="T10" fmla="*/ 2147483647 w 97"/>
                  <a:gd name="T11" fmla="*/ 2147483647 h 137"/>
                  <a:gd name="T12" fmla="*/ 2147483647 w 97"/>
                  <a:gd name="T13" fmla="*/ 2147483647 h 137"/>
                  <a:gd name="T14" fmla="*/ 0 w 97"/>
                  <a:gd name="T15" fmla="*/ 2147483647 h 137"/>
                  <a:gd name="T16" fmla="*/ 2147483647 w 97"/>
                  <a:gd name="T17" fmla="*/ 0 h 137"/>
                  <a:gd name="T18" fmla="*/ 2147483647 w 97"/>
                  <a:gd name="T19" fmla="*/ 2147483647 h 13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97"/>
                  <a:gd name="T31" fmla="*/ 0 h 137"/>
                  <a:gd name="T32" fmla="*/ 97 w 97"/>
                  <a:gd name="T33" fmla="*/ 137 h 13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97" h="137">
                    <a:moveTo>
                      <a:pt x="70" y="8"/>
                    </a:moveTo>
                    <a:lnTo>
                      <a:pt x="87" y="8"/>
                    </a:lnTo>
                    <a:lnTo>
                      <a:pt x="87" y="48"/>
                    </a:lnTo>
                    <a:lnTo>
                      <a:pt x="96" y="88"/>
                    </a:lnTo>
                    <a:lnTo>
                      <a:pt x="87" y="120"/>
                    </a:lnTo>
                    <a:lnTo>
                      <a:pt x="61" y="136"/>
                    </a:lnTo>
                    <a:lnTo>
                      <a:pt x="44" y="96"/>
                    </a:lnTo>
                    <a:lnTo>
                      <a:pt x="0" y="56"/>
                    </a:lnTo>
                    <a:lnTo>
                      <a:pt x="61" y="0"/>
                    </a:lnTo>
                    <a:lnTo>
                      <a:pt x="70" y="8"/>
                    </a:lnTo>
                  </a:path>
                </a:pathLst>
              </a:custGeom>
              <a:solidFill>
                <a:srgbClr val="C0C0C0"/>
              </a:solidFill>
              <a:ln w="12700" cap="rnd">
                <a:solidFill>
                  <a:srgbClr val="969696"/>
                </a:solidFill>
                <a:round/>
                <a:headEnd/>
                <a:tailEnd/>
              </a:ln>
            </p:spPr>
            <p:txBody>
              <a:bodyPr/>
              <a:lstStyle/>
              <a:p>
                <a:endParaRPr lang="de-CH" dirty="0"/>
              </a:p>
            </p:txBody>
          </p:sp>
          <p:sp>
            <p:nvSpPr>
              <p:cNvPr id="15" name="Freeform 88"/>
              <p:cNvSpPr>
                <a:spLocks/>
              </p:cNvSpPr>
              <p:nvPr/>
            </p:nvSpPr>
            <p:spPr bwMode="auto">
              <a:xfrm>
                <a:off x="3038" y="2304"/>
                <a:ext cx="636" cy="717"/>
              </a:xfrm>
              <a:custGeom>
                <a:avLst/>
                <a:gdLst>
                  <a:gd name="T0" fmla="*/ 2147483647 w 486"/>
                  <a:gd name="T1" fmla="*/ 2147483647 h 545"/>
                  <a:gd name="T2" fmla="*/ 2147483647 w 486"/>
                  <a:gd name="T3" fmla="*/ 2147483647 h 545"/>
                  <a:gd name="T4" fmla="*/ 2147483647 w 486"/>
                  <a:gd name="T5" fmla="*/ 2147483647 h 545"/>
                  <a:gd name="T6" fmla="*/ 2147483647 w 486"/>
                  <a:gd name="T7" fmla="*/ 2147483647 h 545"/>
                  <a:gd name="T8" fmla="*/ 2147483647 w 486"/>
                  <a:gd name="T9" fmla="*/ 2147483647 h 545"/>
                  <a:gd name="T10" fmla="*/ 2147483647 w 486"/>
                  <a:gd name="T11" fmla="*/ 2147483647 h 545"/>
                  <a:gd name="T12" fmla="*/ 2147483647 w 486"/>
                  <a:gd name="T13" fmla="*/ 2147483647 h 545"/>
                  <a:gd name="T14" fmla="*/ 2147483647 w 486"/>
                  <a:gd name="T15" fmla="*/ 2147483647 h 545"/>
                  <a:gd name="T16" fmla="*/ 2147483647 w 486"/>
                  <a:gd name="T17" fmla="*/ 2147483647 h 545"/>
                  <a:gd name="T18" fmla="*/ 2147483647 w 486"/>
                  <a:gd name="T19" fmla="*/ 2147483647 h 545"/>
                  <a:gd name="T20" fmla="*/ 2147483647 w 486"/>
                  <a:gd name="T21" fmla="*/ 0 h 545"/>
                  <a:gd name="T22" fmla="*/ 2147483647 w 486"/>
                  <a:gd name="T23" fmla="*/ 2147483647 h 545"/>
                  <a:gd name="T24" fmla="*/ 2147483647 w 486"/>
                  <a:gd name="T25" fmla="*/ 2147483647 h 545"/>
                  <a:gd name="T26" fmla="*/ 2147483647 w 486"/>
                  <a:gd name="T27" fmla="*/ 2147483647 h 545"/>
                  <a:gd name="T28" fmla="*/ 2147483647 w 486"/>
                  <a:gd name="T29" fmla="*/ 2147483647 h 545"/>
                  <a:gd name="T30" fmla="*/ 2147483647 w 486"/>
                  <a:gd name="T31" fmla="*/ 2147483647 h 545"/>
                  <a:gd name="T32" fmla="*/ 2147483647 w 486"/>
                  <a:gd name="T33" fmla="*/ 2147483647 h 545"/>
                  <a:gd name="T34" fmla="*/ 2147483647 w 486"/>
                  <a:gd name="T35" fmla="*/ 2147483647 h 545"/>
                  <a:gd name="T36" fmla="*/ 2147483647 w 486"/>
                  <a:gd name="T37" fmla="*/ 2147483647 h 545"/>
                  <a:gd name="T38" fmla="*/ 2147483647 w 486"/>
                  <a:gd name="T39" fmla="*/ 2147483647 h 545"/>
                  <a:gd name="T40" fmla="*/ 2147483647 w 486"/>
                  <a:gd name="T41" fmla="*/ 2147483647 h 545"/>
                  <a:gd name="T42" fmla="*/ 2147483647 w 486"/>
                  <a:gd name="T43" fmla="*/ 2147483647 h 545"/>
                  <a:gd name="T44" fmla="*/ 2147483647 w 486"/>
                  <a:gd name="T45" fmla="*/ 2147483647 h 545"/>
                  <a:gd name="T46" fmla="*/ 2147483647 w 486"/>
                  <a:gd name="T47" fmla="*/ 2147483647 h 545"/>
                  <a:gd name="T48" fmla="*/ 0 w 486"/>
                  <a:gd name="T49" fmla="*/ 2147483647 h 545"/>
                  <a:gd name="T50" fmla="*/ 2147483647 w 486"/>
                  <a:gd name="T51" fmla="*/ 2147483647 h 545"/>
                  <a:gd name="T52" fmla="*/ 2147483647 w 486"/>
                  <a:gd name="T53" fmla="*/ 2147483647 h 545"/>
                  <a:gd name="T54" fmla="*/ 2147483647 w 486"/>
                  <a:gd name="T55" fmla="*/ 2147483647 h 545"/>
                  <a:gd name="T56" fmla="*/ 2147483647 w 486"/>
                  <a:gd name="T57" fmla="*/ 2147483647 h 545"/>
                  <a:gd name="T58" fmla="*/ 2147483647 w 486"/>
                  <a:gd name="T59" fmla="*/ 2147483647 h 545"/>
                  <a:gd name="T60" fmla="*/ 2147483647 w 486"/>
                  <a:gd name="T61" fmla="*/ 2147483647 h 545"/>
                  <a:gd name="T62" fmla="*/ 2147483647 w 486"/>
                  <a:gd name="T63" fmla="*/ 2147483647 h 545"/>
                  <a:gd name="T64" fmla="*/ 2147483647 w 486"/>
                  <a:gd name="T65" fmla="*/ 2147483647 h 545"/>
                  <a:gd name="T66" fmla="*/ 2147483647 w 486"/>
                  <a:gd name="T67" fmla="*/ 2147483647 h 545"/>
                  <a:gd name="T68" fmla="*/ 2147483647 w 486"/>
                  <a:gd name="T69" fmla="*/ 2147483647 h 545"/>
                  <a:gd name="T70" fmla="*/ 2147483647 w 486"/>
                  <a:gd name="T71" fmla="*/ 2147483647 h 545"/>
                  <a:gd name="T72" fmla="*/ 2147483647 w 486"/>
                  <a:gd name="T73" fmla="*/ 2147483647 h 545"/>
                  <a:gd name="T74" fmla="*/ 2147483647 w 486"/>
                  <a:gd name="T75" fmla="*/ 2147483647 h 545"/>
                  <a:gd name="T76" fmla="*/ 2147483647 w 486"/>
                  <a:gd name="T77" fmla="*/ 2147483647 h 545"/>
                  <a:gd name="T78" fmla="*/ 2147483647 w 486"/>
                  <a:gd name="T79" fmla="*/ 2147483647 h 545"/>
                  <a:gd name="T80" fmla="*/ 2147483647 w 486"/>
                  <a:gd name="T81" fmla="*/ 2147483647 h 545"/>
                  <a:gd name="T82" fmla="*/ 2147483647 w 486"/>
                  <a:gd name="T83" fmla="*/ 2147483647 h 54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486"/>
                  <a:gd name="T127" fmla="*/ 0 h 545"/>
                  <a:gd name="T128" fmla="*/ 486 w 486"/>
                  <a:gd name="T129" fmla="*/ 545 h 54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486" h="545">
                    <a:moveTo>
                      <a:pt x="407" y="176"/>
                    </a:moveTo>
                    <a:lnTo>
                      <a:pt x="485" y="128"/>
                    </a:lnTo>
                    <a:lnTo>
                      <a:pt x="468" y="80"/>
                    </a:lnTo>
                    <a:lnTo>
                      <a:pt x="398" y="104"/>
                    </a:lnTo>
                    <a:lnTo>
                      <a:pt x="364" y="80"/>
                    </a:lnTo>
                    <a:lnTo>
                      <a:pt x="346" y="64"/>
                    </a:lnTo>
                    <a:lnTo>
                      <a:pt x="277" y="88"/>
                    </a:lnTo>
                    <a:lnTo>
                      <a:pt x="243" y="56"/>
                    </a:lnTo>
                    <a:lnTo>
                      <a:pt x="199" y="56"/>
                    </a:lnTo>
                    <a:lnTo>
                      <a:pt x="191" y="48"/>
                    </a:lnTo>
                    <a:lnTo>
                      <a:pt x="173" y="0"/>
                    </a:lnTo>
                    <a:lnTo>
                      <a:pt x="165" y="16"/>
                    </a:lnTo>
                    <a:lnTo>
                      <a:pt x="139" y="56"/>
                    </a:lnTo>
                    <a:lnTo>
                      <a:pt x="87" y="112"/>
                    </a:lnTo>
                    <a:lnTo>
                      <a:pt x="52" y="152"/>
                    </a:lnTo>
                    <a:lnTo>
                      <a:pt x="78" y="160"/>
                    </a:lnTo>
                    <a:lnTo>
                      <a:pt x="104" y="176"/>
                    </a:lnTo>
                    <a:lnTo>
                      <a:pt x="87" y="192"/>
                    </a:lnTo>
                    <a:lnTo>
                      <a:pt x="104" y="216"/>
                    </a:lnTo>
                    <a:lnTo>
                      <a:pt x="87" y="272"/>
                    </a:lnTo>
                    <a:lnTo>
                      <a:pt x="43" y="280"/>
                    </a:lnTo>
                    <a:lnTo>
                      <a:pt x="52" y="320"/>
                    </a:lnTo>
                    <a:lnTo>
                      <a:pt x="43" y="368"/>
                    </a:lnTo>
                    <a:lnTo>
                      <a:pt x="17" y="360"/>
                    </a:lnTo>
                    <a:lnTo>
                      <a:pt x="0" y="368"/>
                    </a:lnTo>
                    <a:lnTo>
                      <a:pt x="9" y="416"/>
                    </a:lnTo>
                    <a:lnTo>
                      <a:pt x="26" y="432"/>
                    </a:lnTo>
                    <a:lnTo>
                      <a:pt x="9" y="480"/>
                    </a:lnTo>
                    <a:lnTo>
                      <a:pt x="35" y="528"/>
                    </a:lnTo>
                    <a:lnTo>
                      <a:pt x="78" y="544"/>
                    </a:lnTo>
                    <a:lnTo>
                      <a:pt x="113" y="496"/>
                    </a:lnTo>
                    <a:lnTo>
                      <a:pt x="130" y="480"/>
                    </a:lnTo>
                    <a:lnTo>
                      <a:pt x="182" y="520"/>
                    </a:lnTo>
                    <a:lnTo>
                      <a:pt x="260" y="488"/>
                    </a:lnTo>
                    <a:lnTo>
                      <a:pt x="225" y="424"/>
                    </a:lnTo>
                    <a:lnTo>
                      <a:pt x="243" y="360"/>
                    </a:lnTo>
                    <a:lnTo>
                      <a:pt x="303" y="304"/>
                    </a:lnTo>
                    <a:lnTo>
                      <a:pt x="338" y="312"/>
                    </a:lnTo>
                    <a:lnTo>
                      <a:pt x="372" y="280"/>
                    </a:lnTo>
                    <a:lnTo>
                      <a:pt x="372" y="240"/>
                    </a:lnTo>
                    <a:lnTo>
                      <a:pt x="424" y="200"/>
                    </a:lnTo>
                    <a:lnTo>
                      <a:pt x="407" y="176"/>
                    </a:lnTo>
                  </a:path>
                </a:pathLst>
              </a:custGeom>
              <a:solidFill>
                <a:srgbClr val="CBCBCB"/>
              </a:solidFill>
              <a:ln w="12700" cap="rnd">
                <a:solidFill>
                  <a:schemeClr val="bg1"/>
                </a:solidFill>
                <a:round/>
                <a:headEnd/>
                <a:tailEnd/>
              </a:ln>
            </p:spPr>
            <p:txBody>
              <a:bodyPr/>
              <a:lstStyle/>
              <a:p>
                <a:endParaRPr lang="de-CH" dirty="0"/>
              </a:p>
            </p:txBody>
          </p:sp>
          <p:sp>
            <p:nvSpPr>
              <p:cNvPr id="16" name="Freeform 89"/>
              <p:cNvSpPr>
                <a:spLocks/>
              </p:cNvSpPr>
              <p:nvPr/>
            </p:nvSpPr>
            <p:spPr bwMode="auto">
              <a:xfrm>
                <a:off x="3322" y="1177"/>
                <a:ext cx="817" cy="528"/>
              </a:xfrm>
              <a:custGeom>
                <a:avLst/>
                <a:gdLst>
                  <a:gd name="T0" fmla="*/ 2147483647 w 625"/>
                  <a:gd name="T1" fmla="*/ 2147483647 h 401"/>
                  <a:gd name="T2" fmla="*/ 2147483647 w 625"/>
                  <a:gd name="T3" fmla="*/ 2147483647 h 401"/>
                  <a:gd name="T4" fmla="*/ 2147483647 w 625"/>
                  <a:gd name="T5" fmla="*/ 2147483647 h 401"/>
                  <a:gd name="T6" fmla="*/ 2147483647 w 625"/>
                  <a:gd name="T7" fmla="*/ 2147483647 h 401"/>
                  <a:gd name="T8" fmla="*/ 2147483647 w 625"/>
                  <a:gd name="T9" fmla="*/ 2147483647 h 401"/>
                  <a:gd name="T10" fmla="*/ 2147483647 w 625"/>
                  <a:gd name="T11" fmla="*/ 2147483647 h 401"/>
                  <a:gd name="T12" fmla="*/ 2147483647 w 625"/>
                  <a:gd name="T13" fmla="*/ 2147483647 h 401"/>
                  <a:gd name="T14" fmla="*/ 2147483647 w 625"/>
                  <a:gd name="T15" fmla="*/ 2147483647 h 401"/>
                  <a:gd name="T16" fmla="*/ 2147483647 w 625"/>
                  <a:gd name="T17" fmla="*/ 0 h 401"/>
                  <a:gd name="T18" fmla="*/ 2147483647 w 625"/>
                  <a:gd name="T19" fmla="*/ 2147483647 h 401"/>
                  <a:gd name="T20" fmla="*/ 0 w 625"/>
                  <a:gd name="T21" fmla="*/ 2147483647 h 401"/>
                  <a:gd name="T22" fmla="*/ 2147483647 w 625"/>
                  <a:gd name="T23" fmla="*/ 2147483647 h 401"/>
                  <a:gd name="T24" fmla="*/ 2147483647 w 625"/>
                  <a:gd name="T25" fmla="*/ 2147483647 h 401"/>
                  <a:gd name="T26" fmla="*/ 2147483647 w 625"/>
                  <a:gd name="T27" fmla="*/ 2147483647 h 401"/>
                  <a:gd name="T28" fmla="*/ 2147483647 w 625"/>
                  <a:gd name="T29" fmla="*/ 2147483647 h 401"/>
                  <a:gd name="T30" fmla="*/ 2147483647 w 625"/>
                  <a:gd name="T31" fmla="*/ 2147483647 h 401"/>
                  <a:gd name="T32" fmla="*/ 2147483647 w 625"/>
                  <a:gd name="T33" fmla="*/ 2147483647 h 401"/>
                  <a:gd name="T34" fmla="*/ 2147483647 w 625"/>
                  <a:gd name="T35" fmla="*/ 2147483647 h 401"/>
                  <a:gd name="T36" fmla="*/ 2147483647 w 625"/>
                  <a:gd name="T37" fmla="*/ 2147483647 h 401"/>
                  <a:gd name="T38" fmla="*/ 2147483647 w 625"/>
                  <a:gd name="T39" fmla="*/ 2147483647 h 401"/>
                  <a:gd name="T40" fmla="*/ 2147483647 w 625"/>
                  <a:gd name="T41" fmla="*/ 2147483647 h 401"/>
                  <a:gd name="T42" fmla="*/ 2147483647 w 625"/>
                  <a:gd name="T43" fmla="*/ 2147483647 h 401"/>
                  <a:gd name="T44" fmla="*/ 2147483647 w 625"/>
                  <a:gd name="T45" fmla="*/ 2147483647 h 401"/>
                  <a:gd name="T46" fmla="*/ 2147483647 w 625"/>
                  <a:gd name="T47" fmla="*/ 2147483647 h 401"/>
                  <a:gd name="T48" fmla="*/ 2147483647 w 625"/>
                  <a:gd name="T49" fmla="*/ 2147483647 h 401"/>
                  <a:gd name="T50" fmla="*/ 2147483647 w 625"/>
                  <a:gd name="T51" fmla="*/ 2147483647 h 401"/>
                  <a:gd name="T52" fmla="*/ 2147483647 w 625"/>
                  <a:gd name="T53" fmla="*/ 2147483647 h 401"/>
                  <a:gd name="T54" fmla="*/ 2147483647 w 625"/>
                  <a:gd name="T55" fmla="*/ 2147483647 h 401"/>
                  <a:gd name="T56" fmla="*/ 2147483647 w 625"/>
                  <a:gd name="T57" fmla="*/ 2147483647 h 401"/>
                  <a:gd name="T58" fmla="*/ 2147483647 w 625"/>
                  <a:gd name="T59" fmla="*/ 2147483647 h 401"/>
                  <a:gd name="T60" fmla="*/ 2147483647 w 625"/>
                  <a:gd name="T61" fmla="*/ 2147483647 h 401"/>
                  <a:gd name="T62" fmla="*/ 2147483647 w 625"/>
                  <a:gd name="T63" fmla="*/ 2147483647 h 401"/>
                  <a:gd name="T64" fmla="*/ 2147483647 w 625"/>
                  <a:gd name="T65" fmla="*/ 2147483647 h 401"/>
                  <a:gd name="T66" fmla="*/ 2147483647 w 625"/>
                  <a:gd name="T67" fmla="*/ 2147483647 h 401"/>
                  <a:gd name="T68" fmla="*/ 2147483647 w 625"/>
                  <a:gd name="T69" fmla="*/ 2147483647 h 401"/>
                  <a:gd name="T70" fmla="*/ 2147483647 w 625"/>
                  <a:gd name="T71" fmla="*/ 2147483647 h 401"/>
                  <a:gd name="T72" fmla="*/ 2147483647 w 625"/>
                  <a:gd name="T73" fmla="*/ 2147483647 h 401"/>
                  <a:gd name="T74" fmla="*/ 2147483647 w 625"/>
                  <a:gd name="T75" fmla="*/ 2147483647 h 401"/>
                  <a:gd name="T76" fmla="*/ 2147483647 w 625"/>
                  <a:gd name="T77" fmla="*/ 2147483647 h 401"/>
                  <a:gd name="T78" fmla="*/ 2147483647 w 625"/>
                  <a:gd name="T79" fmla="*/ 2147483647 h 401"/>
                  <a:gd name="T80" fmla="*/ 2147483647 w 625"/>
                  <a:gd name="T81" fmla="*/ 2147483647 h 401"/>
                  <a:gd name="T82" fmla="*/ 2147483647 w 625"/>
                  <a:gd name="T83" fmla="*/ 2147483647 h 401"/>
                  <a:gd name="T84" fmla="*/ 2147483647 w 625"/>
                  <a:gd name="T85" fmla="*/ 2147483647 h 401"/>
                  <a:gd name="T86" fmla="*/ 2147483647 w 625"/>
                  <a:gd name="T87" fmla="*/ 2147483647 h 401"/>
                  <a:gd name="T88" fmla="*/ 2147483647 w 625"/>
                  <a:gd name="T89" fmla="*/ 2147483647 h 4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25"/>
                  <a:gd name="T136" fmla="*/ 0 h 401"/>
                  <a:gd name="T137" fmla="*/ 625 w 625"/>
                  <a:gd name="T138" fmla="*/ 401 h 401"/>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25" h="401">
                    <a:moveTo>
                      <a:pt x="390" y="40"/>
                    </a:moveTo>
                    <a:lnTo>
                      <a:pt x="286" y="24"/>
                    </a:lnTo>
                    <a:lnTo>
                      <a:pt x="182" y="64"/>
                    </a:lnTo>
                    <a:lnTo>
                      <a:pt x="165" y="64"/>
                    </a:lnTo>
                    <a:lnTo>
                      <a:pt x="130" y="56"/>
                    </a:lnTo>
                    <a:lnTo>
                      <a:pt x="104" y="24"/>
                    </a:lnTo>
                    <a:lnTo>
                      <a:pt x="87" y="40"/>
                    </a:lnTo>
                    <a:lnTo>
                      <a:pt x="52" y="8"/>
                    </a:lnTo>
                    <a:lnTo>
                      <a:pt x="52" y="0"/>
                    </a:lnTo>
                    <a:lnTo>
                      <a:pt x="43" y="16"/>
                    </a:lnTo>
                    <a:lnTo>
                      <a:pt x="0" y="16"/>
                    </a:lnTo>
                    <a:lnTo>
                      <a:pt x="43" y="72"/>
                    </a:lnTo>
                    <a:lnTo>
                      <a:pt x="78" y="72"/>
                    </a:lnTo>
                    <a:lnTo>
                      <a:pt x="104" y="64"/>
                    </a:lnTo>
                    <a:lnTo>
                      <a:pt x="130" y="80"/>
                    </a:lnTo>
                    <a:lnTo>
                      <a:pt x="113" y="104"/>
                    </a:lnTo>
                    <a:lnTo>
                      <a:pt x="78" y="96"/>
                    </a:lnTo>
                    <a:lnTo>
                      <a:pt x="61" y="104"/>
                    </a:lnTo>
                    <a:lnTo>
                      <a:pt x="78" y="136"/>
                    </a:lnTo>
                    <a:lnTo>
                      <a:pt x="130" y="160"/>
                    </a:lnTo>
                    <a:lnTo>
                      <a:pt x="147" y="184"/>
                    </a:lnTo>
                    <a:lnTo>
                      <a:pt x="156" y="208"/>
                    </a:lnTo>
                    <a:lnTo>
                      <a:pt x="182" y="192"/>
                    </a:lnTo>
                    <a:lnTo>
                      <a:pt x="191" y="216"/>
                    </a:lnTo>
                    <a:lnTo>
                      <a:pt x="182" y="248"/>
                    </a:lnTo>
                    <a:lnTo>
                      <a:pt x="182" y="296"/>
                    </a:lnTo>
                    <a:lnTo>
                      <a:pt x="217" y="368"/>
                    </a:lnTo>
                    <a:lnTo>
                      <a:pt x="251" y="400"/>
                    </a:lnTo>
                    <a:lnTo>
                      <a:pt x="277" y="352"/>
                    </a:lnTo>
                    <a:lnTo>
                      <a:pt x="312" y="336"/>
                    </a:lnTo>
                    <a:lnTo>
                      <a:pt x="347" y="320"/>
                    </a:lnTo>
                    <a:lnTo>
                      <a:pt x="303" y="272"/>
                    </a:lnTo>
                    <a:lnTo>
                      <a:pt x="329" y="248"/>
                    </a:lnTo>
                    <a:lnTo>
                      <a:pt x="373" y="264"/>
                    </a:lnTo>
                    <a:lnTo>
                      <a:pt x="416" y="232"/>
                    </a:lnTo>
                    <a:lnTo>
                      <a:pt x="442" y="240"/>
                    </a:lnTo>
                    <a:lnTo>
                      <a:pt x="485" y="280"/>
                    </a:lnTo>
                    <a:lnTo>
                      <a:pt x="520" y="248"/>
                    </a:lnTo>
                    <a:lnTo>
                      <a:pt x="494" y="224"/>
                    </a:lnTo>
                    <a:lnTo>
                      <a:pt x="511" y="208"/>
                    </a:lnTo>
                    <a:lnTo>
                      <a:pt x="555" y="256"/>
                    </a:lnTo>
                    <a:lnTo>
                      <a:pt x="589" y="256"/>
                    </a:lnTo>
                    <a:lnTo>
                      <a:pt x="624" y="216"/>
                    </a:lnTo>
                    <a:lnTo>
                      <a:pt x="624" y="144"/>
                    </a:lnTo>
                    <a:lnTo>
                      <a:pt x="390" y="40"/>
                    </a:lnTo>
                  </a:path>
                </a:pathLst>
              </a:custGeom>
              <a:solidFill>
                <a:srgbClr val="CBCBCB"/>
              </a:solidFill>
              <a:ln w="12700" cap="rnd">
                <a:solidFill>
                  <a:schemeClr val="bg1"/>
                </a:solidFill>
                <a:round/>
                <a:headEnd/>
                <a:tailEnd/>
              </a:ln>
            </p:spPr>
            <p:txBody>
              <a:bodyPr/>
              <a:lstStyle/>
              <a:p>
                <a:endParaRPr lang="de-CH" dirty="0"/>
              </a:p>
            </p:txBody>
          </p:sp>
          <p:sp>
            <p:nvSpPr>
              <p:cNvPr id="17" name="Freeform 90"/>
              <p:cNvSpPr>
                <a:spLocks/>
              </p:cNvSpPr>
              <p:nvPr/>
            </p:nvSpPr>
            <p:spPr bwMode="auto">
              <a:xfrm>
                <a:off x="3050" y="2862"/>
                <a:ext cx="874" cy="1276"/>
              </a:xfrm>
              <a:custGeom>
                <a:avLst/>
                <a:gdLst>
                  <a:gd name="T0" fmla="*/ 2147483647 w 668"/>
                  <a:gd name="T1" fmla="*/ 2147483647 h 969"/>
                  <a:gd name="T2" fmla="*/ 2147483647 w 668"/>
                  <a:gd name="T3" fmla="*/ 2147483647 h 969"/>
                  <a:gd name="T4" fmla="*/ 2147483647 w 668"/>
                  <a:gd name="T5" fmla="*/ 2147483647 h 969"/>
                  <a:gd name="T6" fmla="*/ 2147483647 w 668"/>
                  <a:gd name="T7" fmla="*/ 2147483647 h 969"/>
                  <a:gd name="T8" fmla="*/ 2147483647 w 668"/>
                  <a:gd name="T9" fmla="*/ 2147483647 h 969"/>
                  <a:gd name="T10" fmla="*/ 2147483647 w 668"/>
                  <a:gd name="T11" fmla="*/ 2147483647 h 969"/>
                  <a:gd name="T12" fmla="*/ 2147483647 w 668"/>
                  <a:gd name="T13" fmla="*/ 2147483647 h 969"/>
                  <a:gd name="T14" fmla="*/ 2147483647 w 668"/>
                  <a:gd name="T15" fmla="*/ 2147483647 h 969"/>
                  <a:gd name="T16" fmla="*/ 2147483647 w 668"/>
                  <a:gd name="T17" fmla="*/ 2147483647 h 969"/>
                  <a:gd name="T18" fmla="*/ 2147483647 w 668"/>
                  <a:gd name="T19" fmla="*/ 2147483647 h 969"/>
                  <a:gd name="T20" fmla="*/ 2147483647 w 668"/>
                  <a:gd name="T21" fmla="*/ 2147483647 h 969"/>
                  <a:gd name="T22" fmla="*/ 2147483647 w 668"/>
                  <a:gd name="T23" fmla="*/ 2147483647 h 969"/>
                  <a:gd name="T24" fmla="*/ 2147483647 w 668"/>
                  <a:gd name="T25" fmla="*/ 2147483647 h 969"/>
                  <a:gd name="T26" fmla="*/ 2147483647 w 668"/>
                  <a:gd name="T27" fmla="*/ 2147483647 h 969"/>
                  <a:gd name="T28" fmla="*/ 2147483647 w 668"/>
                  <a:gd name="T29" fmla="*/ 2147483647 h 969"/>
                  <a:gd name="T30" fmla="*/ 2147483647 w 668"/>
                  <a:gd name="T31" fmla="*/ 2147483647 h 969"/>
                  <a:gd name="T32" fmla="*/ 2147483647 w 668"/>
                  <a:gd name="T33" fmla="*/ 0 h 969"/>
                  <a:gd name="T34" fmla="*/ 2147483647 w 668"/>
                  <a:gd name="T35" fmla="*/ 2147483647 h 969"/>
                  <a:gd name="T36" fmla="*/ 2147483647 w 668"/>
                  <a:gd name="T37" fmla="*/ 2147483647 h 969"/>
                  <a:gd name="T38" fmla="*/ 2147483647 w 668"/>
                  <a:gd name="T39" fmla="*/ 2147483647 h 969"/>
                  <a:gd name="T40" fmla="*/ 2147483647 w 668"/>
                  <a:gd name="T41" fmla="*/ 2147483647 h 969"/>
                  <a:gd name="T42" fmla="*/ 2147483647 w 668"/>
                  <a:gd name="T43" fmla="*/ 2147483647 h 969"/>
                  <a:gd name="T44" fmla="*/ 2147483647 w 668"/>
                  <a:gd name="T45" fmla="*/ 2147483647 h 969"/>
                  <a:gd name="T46" fmla="*/ 2147483647 w 668"/>
                  <a:gd name="T47" fmla="*/ 2147483647 h 969"/>
                  <a:gd name="T48" fmla="*/ 2147483647 w 668"/>
                  <a:gd name="T49" fmla="*/ 2147483647 h 969"/>
                  <a:gd name="T50" fmla="*/ 0 w 668"/>
                  <a:gd name="T51" fmla="*/ 2147483647 h 969"/>
                  <a:gd name="T52" fmla="*/ 0 w 668"/>
                  <a:gd name="T53" fmla="*/ 2147483647 h 969"/>
                  <a:gd name="T54" fmla="*/ 2147483647 w 668"/>
                  <a:gd name="T55" fmla="*/ 2147483647 h 969"/>
                  <a:gd name="T56" fmla="*/ 2147483647 w 668"/>
                  <a:gd name="T57" fmla="*/ 2147483647 h 969"/>
                  <a:gd name="T58" fmla="*/ 2147483647 w 668"/>
                  <a:gd name="T59" fmla="*/ 2147483647 h 969"/>
                  <a:gd name="T60" fmla="*/ 2147483647 w 668"/>
                  <a:gd name="T61" fmla="*/ 2147483647 h 969"/>
                  <a:gd name="T62" fmla="*/ 2147483647 w 668"/>
                  <a:gd name="T63" fmla="*/ 2147483647 h 969"/>
                  <a:gd name="T64" fmla="*/ 2147483647 w 668"/>
                  <a:gd name="T65" fmla="*/ 2147483647 h 969"/>
                  <a:gd name="T66" fmla="*/ 2147483647 w 668"/>
                  <a:gd name="T67" fmla="*/ 2147483647 h 969"/>
                  <a:gd name="T68" fmla="*/ 2147483647 w 668"/>
                  <a:gd name="T69" fmla="*/ 2147483647 h 969"/>
                  <a:gd name="T70" fmla="*/ 2147483647 w 668"/>
                  <a:gd name="T71" fmla="*/ 2147483647 h 969"/>
                  <a:gd name="T72" fmla="*/ 2147483647 w 668"/>
                  <a:gd name="T73" fmla="*/ 2147483647 h 969"/>
                  <a:gd name="T74" fmla="*/ 2147483647 w 668"/>
                  <a:gd name="T75" fmla="*/ 2147483647 h 969"/>
                  <a:gd name="T76" fmla="*/ 2147483647 w 668"/>
                  <a:gd name="T77" fmla="*/ 2147483647 h 969"/>
                  <a:gd name="T78" fmla="*/ 2147483647 w 668"/>
                  <a:gd name="T79" fmla="*/ 2147483647 h 969"/>
                  <a:gd name="T80" fmla="*/ 2147483647 w 668"/>
                  <a:gd name="T81" fmla="*/ 2147483647 h 969"/>
                  <a:gd name="T82" fmla="*/ 2147483647 w 668"/>
                  <a:gd name="T83" fmla="*/ 2147483647 h 969"/>
                  <a:gd name="T84" fmla="*/ 2147483647 w 668"/>
                  <a:gd name="T85" fmla="*/ 2147483647 h 969"/>
                  <a:gd name="T86" fmla="*/ 2147483647 w 668"/>
                  <a:gd name="T87" fmla="*/ 2147483647 h 969"/>
                  <a:gd name="T88" fmla="*/ 2147483647 w 668"/>
                  <a:gd name="T89" fmla="*/ 2147483647 h 969"/>
                  <a:gd name="T90" fmla="*/ 2147483647 w 668"/>
                  <a:gd name="T91" fmla="*/ 2147483647 h 969"/>
                  <a:gd name="T92" fmla="*/ 2147483647 w 668"/>
                  <a:gd name="T93" fmla="*/ 2147483647 h 969"/>
                  <a:gd name="T94" fmla="*/ 2147483647 w 668"/>
                  <a:gd name="T95" fmla="*/ 2147483647 h 969"/>
                  <a:gd name="T96" fmla="*/ 2147483647 w 668"/>
                  <a:gd name="T97" fmla="*/ 2147483647 h 969"/>
                  <a:gd name="T98" fmla="*/ 2147483647 w 668"/>
                  <a:gd name="T99" fmla="*/ 2147483647 h 969"/>
                  <a:gd name="T100" fmla="*/ 2147483647 w 668"/>
                  <a:gd name="T101" fmla="*/ 2147483647 h 969"/>
                  <a:gd name="T102" fmla="*/ 2147483647 w 668"/>
                  <a:gd name="T103" fmla="*/ 2147483647 h 969"/>
                  <a:gd name="T104" fmla="*/ 2147483647 w 668"/>
                  <a:gd name="T105" fmla="*/ 2147483647 h 96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668"/>
                  <a:gd name="T160" fmla="*/ 0 h 969"/>
                  <a:gd name="T161" fmla="*/ 668 w 668"/>
                  <a:gd name="T162" fmla="*/ 969 h 969"/>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668" h="969">
                    <a:moveTo>
                      <a:pt x="563" y="696"/>
                    </a:moveTo>
                    <a:lnTo>
                      <a:pt x="615" y="656"/>
                    </a:lnTo>
                    <a:lnTo>
                      <a:pt x="615" y="600"/>
                    </a:lnTo>
                    <a:lnTo>
                      <a:pt x="667" y="544"/>
                    </a:lnTo>
                    <a:lnTo>
                      <a:pt x="598" y="488"/>
                    </a:lnTo>
                    <a:lnTo>
                      <a:pt x="572" y="368"/>
                    </a:lnTo>
                    <a:lnTo>
                      <a:pt x="606" y="336"/>
                    </a:lnTo>
                    <a:lnTo>
                      <a:pt x="615" y="264"/>
                    </a:lnTo>
                    <a:lnTo>
                      <a:pt x="606" y="184"/>
                    </a:lnTo>
                    <a:lnTo>
                      <a:pt x="572" y="184"/>
                    </a:lnTo>
                    <a:lnTo>
                      <a:pt x="537" y="128"/>
                    </a:lnTo>
                    <a:lnTo>
                      <a:pt x="563" y="56"/>
                    </a:lnTo>
                    <a:lnTo>
                      <a:pt x="554" y="32"/>
                    </a:lnTo>
                    <a:lnTo>
                      <a:pt x="511" y="32"/>
                    </a:lnTo>
                    <a:lnTo>
                      <a:pt x="476" y="40"/>
                    </a:lnTo>
                    <a:lnTo>
                      <a:pt x="502" y="16"/>
                    </a:lnTo>
                    <a:lnTo>
                      <a:pt x="476" y="0"/>
                    </a:lnTo>
                    <a:lnTo>
                      <a:pt x="433" y="16"/>
                    </a:lnTo>
                    <a:lnTo>
                      <a:pt x="433" y="56"/>
                    </a:lnTo>
                    <a:lnTo>
                      <a:pt x="390" y="88"/>
                    </a:lnTo>
                    <a:lnTo>
                      <a:pt x="251" y="64"/>
                    </a:lnTo>
                    <a:lnTo>
                      <a:pt x="173" y="96"/>
                    </a:lnTo>
                    <a:lnTo>
                      <a:pt x="121" y="56"/>
                    </a:lnTo>
                    <a:lnTo>
                      <a:pt x="104" y="72"/>
                    </a:lnTo>
                    <a:lnTo>
                      <a:pt x="69" y="120"/>
                    </a:lnTo>
                    <a:lnTo>
                      <a:pt x="0" y="176"/>
                    </a:lnTo>
                    <a:lnTo>
                      <a:pt x="0" y="208"/>
                    </a:lnTo>
                    <a:lnTo>
                      <a:pt x="26" y="208"/>
                    </a:lnTo>
                    <a:lnTo>
                      <a:pt x="69" y="208"/>
                    </a:lnTo>
                    <a:lnTo>
                      <a:pt x="61" y="264"/>
                    </a:lnTo>
                    <a:lnTo>
                      <a:pt x="69" y="360"/>
                    </a:lnTo>
                    <a:lnTo>
                      <a:pt x="35" y="400"/>
                    </a:lnTo>
                    <a:lnTo>
                      <a:pt x="35" y="456"/>
                    </a:lnTo>
                    <a:lnTo>
                      <a:pt x="69" y="488"/>
                    </a:lnTo>
                    <a:lnTo>
                      <a:pt x="113" y="488"/>
                    </a:lnTo>
                    <a:lnTo>
                      <a:pt x="191" y="608"/>
                    </a:lnTo>
                    <a:lnTo>
                      <a:pt x="286" y="632"/>
                    </a:lnTo>
                    <a:lnTo>
                      <a:pt x="338" y="648"/>
                    </a:lnTo>
                    <a:lnTo>
                      <a:pt x="390" y="672"/>
                    </a:lnTo>
                    <a:lnTo>
                      <a:pt x="372" y="696"/>
                    </a:lnTo>
                    <a:lnTo>
                      <a:pt x="338" y="768"/>
                    </a:lnTo>
                    <a:lnTo>
                      <a:pt x="416" y="800"/>
                    </a:lnTo>
                    <a:lnTo>
                      <a:pt x="433" y="816"/>
                    </a:lnTo>
                    <a:lnTo>
                      <a:pt x="450" y="872"/>
                    </a:lnTo>
                    <a:lnTo>
                      <a:pt x="485" y="912"/>
                    </a:lnTo>
                    <a:lnTo>
                      <a:pt x="459" y="944"/>
                    </a:lnTo>
                    <a:lnTo>
                      <a:pt x="502" y="960"/>
                    </a:lnTo>
                    <a:lnTo>
                      <a:pt x="572" y="968"/>
                    </a:lnTo>
                    <a:lnTo>
                      <a:pt x="615" y="864"/>
                    </a:lnTo>
                    <a:lnTo>
                      <a:pt x="572" y="816"/>
                    </a:lnTo>
                    <a:lnTo>
                      <a:pt x="563" y="752"/>
                    </a:lnTo>
                    <a:lnTo>
                      <a:pt x="546" y="728"/>
                    </a:lnTo>
                    <a:lnTo>
                      <a:pt x="563" y="696"/>
                    </a:lnTo>
                  </a:path>
                </a:pathLst>
              </a:custGeom>
              <a:solidFill>
                <a:srgbClr val="CBCBCB"/>
              </a:solidFill>
              <a:ln w="12700" cap="rnd">
                <a:solidFill>
                  <a:schemeClr val="bg1"/>
                </a:solidFill>
                <a:round/>
                <a:headEnd/>
                <a:tailEnd/>
              </a:ln>
            </p:spPr>
            <p:txBody>
              <a:bodyPr/>
              <a:lstStyle/>
              <a:p>
                <a:endParaRPr lang="de-CH" dirty="0"/>
              </a:p>
            </p:txBody>
          </p:sp>
          <p:sp>
            <p:nvSpPr>
              <p:cNvPr id="18" name="Freeform 91"/>
              <p:cNvSpPr>
                <a:spLocks/>
              </p:cNvSpPr>
              <p:nvPr/>
            </p:nvSpPr>
            <p:spPr bwMode="auto">
              <a:xfrm>
                <a:off x="1882" y="1620"/>
                <a:ext cx="81" cy="64"/>
              </a:xfrm>
              <a:custGeom>
                <a:avLst/>
                <a:gdLst>
                  <a:gd name="T0" fmla="*/ 2147483647 w 62"/>
                  <a:gd name="T1" fmla="*/ 0 h 49"/>
                  <a:gd name="T2" fmla="*/ 2147483647 w 62"/>
                  <a:gd name="T3" fmla="*/ 2147483647 h 49"/>
                  <a:gd name="T4" fmla="*/ 2147483647 w 62"/>
                  <a:gd name="T5" fmla="*/ 2147483647 h 49"/>
                  <a:gd name="T6" fmla="*/ 2147483647 w 62"/>
                  <a:gd name="T7" fmla="*/ 2147483647 h 49"/>
                  <a:gd name="T8" fmla="*/ 2147483647 w 62"/>
                  <a:gd name="T9" fmla="*/ 2147483647 h 49"/>
                  <a:gd name="T10" fmla="*/ 0 w 62"/>
                  <a:gd name="T11" fmla="*/ 2147483647 h 49"/>
                  <a:gd name="T12" fmla="*/ 2147483647 w 62"/>
                  <a:gd name="T13" fmla="*/ 0 h 49"/>
                  <a:gd name="T14" fmla="*/ 0 60000 65536"/>
                  <a:gd name="T15" fmla="*/ 0 60000 65536"/>
                  <a:gd name="T16" fmla="*/ 0 60000 65536"/>
                  <a:gd name="T17" fmla="*/ 0 60000 65536"/>
                  <a:gd name="T18" fmla="*/ 0 60000 65536"/>
                  <a:gd name="T19" fmla="*/ 0 60000 65536"/>
                  <a:gd name="T20" fmla="*/ 0 60000 65536"/>
                  <a:gd name="T21" fmla="*/ 0 w 62"/>
                  <a:gd name="T22" fmla="*/ 0 h 49"/>
                  <a:gd name="T23" fmla="*/ 62 w 62"/>
                  <a:gd name="T24" fmla="*/ 49 h 49"/>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62" h="49">
                    <a:moveTo>
                      <a:pt x="35" y="0"/>
                    </a:moveTo>
                    <a:lnTo>
                      <a:pt x="44" y="24"/>
                    </a:lnTo>
                    <a:lnTo>
                      <a:pt x="61" y="24"/>
                    </a:lnTo>
                    <a:lnTo>
                      <a:pt x="35" y="40"/>
                    </a:lnTo>
                    <a:lnTo>
                      <a:pt x="26" y="48"/>
                    </a:lnTo>
                    <a:lnTo>
                      <a:pt x="0" y="24"/>
                    </a:lnTo>
                    <a:lnTo>
                      <a:pt x="35" y="0"/>
                    </a:lnTo>
                  </a:path>
                </a:pathLst>
              </a:custGeom>
              <a:solidFill>
                <a:srgbClr val="CBCBCB"/>
              </a:solidFill>
              <a:ln w="12700" cap="rnd">
                <a:solidFill>
                  <a:schemeClr val="bg1"/>
                </a:solidFill>
                <a:round/>
                <a:headEnd/>
                <a:tailEnd/>
              </a:ln>
            </p:spPr>
            <p:txBody>
              <a:bodyPr/>
              <a:lstStyle/>
              <a:p>
                <a:endParaRPr lang="de-CH" dirty="0"/>
              </a:p>
            </p:txBody>
          </p:sp>
          <p:sp>
            <p:nvSpPr>
              <p:cNvPr id="19" name="Freeform 83"/>
              <p:cNvSpPr>
                <a:spLocks/>
              </p:cNvSpPr>
              <p:nvPr/>
            </p:nvSpPr>
            <p:spPr bwMode="auto">
              <a:xfrm>
                <a:off x="1229" y="1725"/>
                <a:ext cx="2110" cy="1770"/>
              </a:xfrm>
              <a:custGeom>
                <a:avLst/>
                <a:gdLst>
                  <a:gd name="T0" fmla="*/ 2147483647 w 1613"/>
                  <a:gd name="T1" fmla="*/ 2147483647 h 1345"/>
                  <a:gd name="T2" fmla="*/ 2147483647 w 1613"/>
                  <a:gd name="T3" fmla="*/ 2147483647 h 1345"/>
                  <a:gd name="T4" fmla="*/ 2147483647 w 1613"/>
                  <a:gd name="T5" fmla="*/ 0 h 1345"/>
                  <a:gd name="T6" fmla="*/ 2147483647 w 1613"/>
                  <a:gd name="T7" fmla="*/ 2147483647 h 1345"/>
                  <a:gd name="T8" fmla="*/ 2147483647 w 1613"/>
                  <a:gd name="T9" fmla="*/ 2147483647 h 1345"/>
                  <a:gd name="T10" fmla="*/ 2147483647 w 1613"/>
                  <a:gd name="T11" fmla="*/ 2147483647 h 1345"/>
                  <a:gd name="T12" fmla="*/ 2147483647 w 1613"/>
                  <a:gd name="T13" fmla="*/ 2147483647 h 1345"/>
                  <a:gd name="T14" fmla="*/ 2147483647 w 1613"/>
                  <a:gd name="T15" fmla="*/ 2147483647 h 1345"/>
                  <a:gd name="T16" fmla="*/ 2147483647 w 1613"/>
                  <a:gd name="T17" fmla="*/ 2147483647 h 1345"/>
                  <a:gd name="T18" fmla="*/ 2147483647 w 1613"/>
                  <a:gd name="T19" fmla="*/ 2147483647 h 1345"/>
                  <a:gd name="T20" fmla="*/ 0 w 1613"/>
                  <a:gd name="T21" fmla="*/ 2147483647 h 1345"/>
                  <a:gd name="T22" fmla="*/ 2147483647 w 1613"/>
                  <a:gd name="T23" fmla="*/ 2147483647 h 134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613"/>
                  <a:gd name="T37" fmla="*/ 0 h 1345"/>
                  <a:gd name="T38" fmla="*/ 1613 w 1613"/>
                  <a:gd name="T39" fmla="*/ 1345 h 134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613" h="1345">
                    <a:moveTo>
                      <a:pt x="52" y="288"/>
                    </a:moveTo>
                    <a:lnTo>
                      <a:pt x="260" y="96"/>
                    </a:lnTo>
                    <a:lnTo>
                      <a:pt x="520" y="0"/>
                    </a:lnTo>
                    <a:lnTo>
                      <a:pt x="1040" y="48"/>
                    </a:lnTo>
                    <a:lnTo>
                      <a:pt x="988" y="624"/>
                    </a:lnTo>
                    <a:lnTo>
                      <a:pt x="1612" y="672"/>
                    </a:lnTo>
                    <a:lnTo>
                      <a:pt x="1404" y="1008"/>
                    </a:lnTo>
                    <a:lnTo>
                      <a:pt x="260" y="1344"/>
                    </a:lnTo>
                    <a:lnTo>
                      <a:pt x="364" y="624"/>
                    </a:lnTo>
                    <a:lnTo>
                      <a:pt x="156" y="624"/>
                    </a:lnTo>
                    <a:lnTo>
                      <a:pt x="0" y="384"/>
                    </a:lnTo>
                    <a:lnTo>
                      <a:pt x="52" y="288"/>
                    </a:lnTo>
                  </a:path>
                </a:pathLst>
              </a:custGeom>
              <a:solidFill>
                <a:srgbClr val="CBCBCB"/>
              </a:solidFill>
              <a:ln w="12700" cap="rnd">
                <a:solidFill>
                  <a:schemeClr val="bg1"/>
                </a:solidFill>
                <a:round/>
                <a:headEnd/>
                <a:tailEnd/>
              </a:ln>
            </p:spPr>
            <p:txBody>
              <a:bodyPr/>
              <a:lstStyle/>
              <a:p>
                <a:endParaRPr lang="de-CH" dirty="0"/>
              </a:p>
            </p:txBody>
          </p:sp>
          <p:sp>
            <p:nvSpPr>
              <p:cNvPr id="20" name="Freeform 87"/>
              <p:cNvSpPr>
                <a:spLocks/>
              </p:cNvSpPr>
              <p:nvPr/>
            </p:nvSpPr>
            <p:spPr bwMode="auto">
              <a:xfrm>
                <a:off x="1179" y="2852"/>
                <a:ext cx="1962" cy="1233"/>
              </a:xfrm>
              <a:custGeom>
                <a:avLst/>
                <a:gdLst>
                  <a:gd name="T0" fmla="*/ 2147483647 w 1500"/>
                  <a:gd name="T1" fmla="*/ 2147483647 h 937"/>
                  <a:gd name="T2" fmla="*/ 2147483647 w 1500"/>
                  <a:gd name="T3" fmla="*/ 2147483647 h 937"/>
                  <a:gd name="T4" fmla="*/ 2147483647 w 1500"/>
                  <a:gd name="T5" fmla="*/ 2147483647 h 937"/>
                  <a:gd name="T6" fmla="*/ 2147483647 w 1500"/>
                  <a:gd name="T7" fmla="*/ 2147483647 h 937"/>
                  <a:gd name="T8" fmla="*/ 2147483647 w 1500"/>
                  <a:gd name="T9" fmla="*/ 2147483647 h 937"/>
                  <a:gd name="T10" fmla="*/ 2147483647 w 1500"/>
                  <a:gd name="T11" fmla="*/ 2147483647 h 937"/>
                  <a:gd name="T12" fmla="*/ 2147483647 w 1500"/>
                  <a:gd name="T13" fmla="*/ 2147483647 h 937"/>
                  <a:gd name="T14" fmla="*/ 2147483647 w 1500"/>
                  <a:gd name="T15" fmla="*/ 2147483647 h 937"/>
                  <a:gd name="T16" fmla="*/ 2147483647 w 1500"/>
                  <a:gd name="T17" fmla="*/ 2147483647 h 937"/>
                  <a:gd name="T18" fmla="*/ 2147483647 w 1500"/>
                  <a:gd name="T19" fmla="*/ 2147483647 h 937"/>
                  <a:gd name="T20" fmla="*/ 2147483647 w 1500"/>
                  <a:gd name="T21" fmla="*/ 2147483647 h 937"/>
                  <a:gd name="T22" fmla="*/ 2147483647 w 1500"/>
                  <a:gd name="T23" fmla="*/ 2147483647 h 937"/>
                  <a:gd name="T24" fmla="*/ 2147483647 w 1500"/>
                  <a:gd name="T25" fmla="*/ 2147483647 h 937"/>
                  <a:gd name="T26" fmla="*/ 2147483647 w 1500"/>
                  <a:gd name="T27" fmla="*/ 2147483647 h 937"/>
                  <a:gd name="T28" fmla="*/ 2147483647 w 1500"/>
                  <a:gd name="T29" fmla="*/ 2147483647 h 937"/>
                  <a:gd name="T30" fmla="*/ 2147483647 w 1500"/>
                  <a:gd name="T31" fmla="*/ 2147483647 h 937"/>
                  <a:gd name="T32" fmla="*/ 2147483647 w 1500"/>
                  <a:gd name="T33" fmla="*/ 0 h 937"/>
                  <a:gd name="T34" fmla="*/ 2147483647 w 1500"/>
                  <a:gd name="T35" fmla="*/ 2147483647 h 937"/>
                  <a:gd name="T36" fmla="*/ 2147483647 w 1500"/>
                  <a:gd name="T37" fmla="*/ 2147483647 h 937"/>
                  <a:gd name="T38" fmla="*/ 2147483647 w 1500"/>
                  <a:gd name="T39" fmla="*/ 2147483647 h 937"/>
                  <a:gd name="T40" fmla="*/ 2147483647 w 1500"/>
                  <a:gd name="T41" fmla="*/ 2147483647 h 937"/>
                  <a:gd name="T42" fmla="*/ 2147483647 w 1500"/>
                  <a:gd name="T43" fmla="*/ 2147483647 h 937"/>
                  <a:gd name="T44" fmla="*/ 2147483647 w 1500"/>
                  <a:gd name="T45" fmla="*/ 2147483647 h 937"/>
                  <a:gd name="T46" fmla="*/ 2147483647 w 1500"/>
                  <a:gd name="T47" fmla="*/ 2147483647 h 937"/>
                  <a:gd name="T48" fmla="*/ 2147483647 w 1500"/>
                  <a:gd name="T49" fmla="*/ 2147483647 h 937"/>
                  <a:gd name="T50" fmla="*/ 2147483647 w 1500"/>
                  <a:gd name="T51" fmla="*/ 2147483647 h 937"/>
                  <a:gd name="T52" fmla="*/ 2147483647 w 1500"/>
                  <a:gd name="T53" fmla="*/ 2147483647 h 937"/>
                  <a:gd name="T54" fmla="*/ 2147483647 w 1500"/>
                  <a:gd name="T55" fmla="*/ 2147483647 h 937"/>
                  <a:gd name="T56" fmla="*/ 2147483647 w 1500"/>
                  <a:gd name="T57" fmla="*/ 2147483647 h 937"/>
                  <a:gd name="T58" fmla="*/ 2147483647 w 1500"/>
                  <a:gd name="T59" fmla="*/ 2147483647 h 937"/>
                  <a:gd name="T60" fmla="*/ 2147483647 w 1500"/>
                  <a:gd name="T61" fmla="*/ 2147483647 h 937"/>
                  <a:gd name="T62" fmla="*/ 2147483647 w 1500"/>
                  <a:gd name="T63" fmla="*/ 2147483647 h 93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1500"/>
                  <a:gd name="T97" fmla="*/ 0 h 937"/>
                  <a:gd name="T98" fmla="*/ 1500 w 1500"/>
                  <a:gd name="T99" fmla="*/ 937 h 937"/>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1500" h="937">
                    <a:moveTo>
                      <a:pt x="9" y="336"/>
                    </a:moveTo>
                    <a:lnTo>
                      <a:pt x="69" y="424"/>
                    </a:lnTo>
                    <a:lnTo>
                      <a:pt x="0" y="568"/>
                    </a:lnTo>
                    <a:lnTo>
                      <a:pt x="35" y="608"/>
                    </a:lnTo>
                    <a:lnTo>
                      <a:pt x="104" y="608"/>
                    </a:lnTo>
                    <a:lnTo>
                      <a:pt x="78" y="672"/>
                    </a:lnTo>
                    <a:lnTo>
                      <a:pt x="95" y="712"/>
                    </a:lnTo>
                    <a:lnTo>
                      <a:pt x="147" y="696"/>
                    </a:lnTo>
                    <a:lnTo>
                      <a:pt x="303" y="936"/>
                    </a:lnTo>
                    <a:lnTo>
                      <a:pt x="468" y="864"/>
                    </a:lnTo>
                    <a:lnTo>
                      <a:pt x="537" y="896"/>
                    </a:lnTo>
                    <a:lnTo>
                      <a:pt x="685" y="792"/>
                    </a:lnTo>
                    <a:lnTo>
                      <a:pt x="953" y="872"/>
                    </a:lnTo>
                    <a:lnTo>
                      <a:pt x="979" y="848"/>
                    </a:lnTo>
                    <a:lnTo>
                      <a:pt x="970" y="792"/>
                    </a:lnTo>
                    <a:lnTo>
                      <a:pt x="1014" y="776"/>
                    </a:lnTo>
                    <a:lnTo>
                      <a:pt x="1074" y="776"/>
                    </a:lnTo>
                    <a:lnTo>
                      <a:pt x="1092" y="704"/>
                    </a:lnTo>
                    <a:lnTo>
                      <a:pt x="1109" y="664"/>
                    </a:lnTo>
                    <a:lnTo>
                      <a:pt x="1126" y="640"/>
                    </a:lnTo>
                    <a:lnTo>
                      <a:pt x="1196" y="624"/>
                    </a:lnTo>
                    <a:lnTo>
                      <a:pt x="1222" y="528"/>
                    </a:lnTo>
                    <a:lnTo>
                      <a:pt x="1161" y="464"/>
                    </a:lnTo>
                    <a:lnTo>
                      <a:pt x="1196" y="400"/>
                    </a:lnTo>
                    <a:lnTo>
                      <a:pt x="1239" y="408"/>
                    </a:lnTo>
                    <a:lnTo>
                      <a:pt x="1360" y="296"/>
                    </a:lnTo>
                    <a:lnTo>
                      <a:pt x="1334" y="264"/>
                    </a:lnTo>
                    <a:lnTo>
                      <a:pt x="1430" y="216"/>
                    </a:lnTo>
                    <a:lnTo>
                      <a:pt x="1430" y="184"/>
                    </a:lnTo>
                    <a:lnTo>
                      <a:pt x="1499" y="128"/>
                    </a:lnTo>
                    <a:lnTo>
                      <a:pt x="1456" y="112"/>
                    </a:lnTo>
                    <a:lnTo>
                      <a:pt x="1430" y="64"/>
                    </a:lnTo>
                    <a:lnTo>
                      <a:pt x="1447" y="16"/>
                    </a:lnTo>
                    <a:lnTo>
                      <a:pt x="1430" y="0"/>
                    </a:lnTo>
                    <a:lnTo>
                      <a:pt x="1404" y="24"/>
                    </a:lnTo>
                    <a:lnTo>
                      <a:pt x="1404" y="80"/>
                    </a:lnTo>
                    <a:lnTo>
                      <a:pt x="1239" y="168"/>
                    </a:lnTo>
                    <a:lnTo>
                      <a:pt x="1118" y="112"/>
                    </a:lnTo>
                    <a:lnTo>
                      <a:pt x="1083" y="120"/>
                    </a:lnTo>
                    <a:lnTo>
                      <a:pt x="1048" y="144"/>
                    </a:lnTo>
                    <a:lnTo>
                      <a:pt x="1048" y="160"/>
                    </a:lnTo>
                    <a:lnTo>
                      <a:pt x="1005" y="224"/>
                    </a:lnTo>
                    <a:lnTo>
                      <a:pt x="944" y="216"/>
                    </a:lnTo>
                    <a:lnTo>
                      <a:pt x="875" y="264"/>
                    </a:lnTo>
                    <a:lnTo>
                      <a:pt x="840" y="296"/>
                    </a:lnTo>
                    <a:lnTo>
                      <a:pt x="788" y="264"/>
                    </a:lnTo>
                    <a:lnTo>
                      <a:pt x="667" y="288"/>
                    </a:lnTo>
                    <a:lnTo>
                      <a:pt x="693" y="320"/>
                    </a:lnTo>
                    <a:lnTo>
                      <a:pt x="659" y="344"/>
                    </a:lnTo>
                    <a:lnTo>
                      <a:pt x="624" y="320"/>
                    </a:lnTo>
                    <a:lnTo>
                      <a:pt x="581" y="336"/>
                    </a:lnTo>
                    <a:lnTo>
                      <a:pt x="494" y="368"/>
                    </a:lnTo>
                    <a:lnTo>
                      <a:pt x="485" y="336"/>
                    </a:lnTo>
                    <a:lnTo>
                      <a:pt x="459" y="328"/>
                    </a:lnTo>
                    <a:lnTo>
                      <a:pt x="433" y="376"/>
                    </a:lnTo>
                    <a:lnTo>
                      <a:pt x="399" y="384"/>
                    </a:lnTo>
                    <a:lnTo>
                      <a:pt x="364" y="408"/>
                    </a:lnTo>
                    <a:lnTo>
                      <a:pt x="355" y="448"/>
                    </a:lnTo>
                    <a:lnTo>
                      <a:pt x="286" y="528"/>
                    </a:lnTo>
                    <a:lnTo>
                      <a:pt x="243" y="544"/>
                    </a:lnTo>
                    <a:lnTo>
                      <a:pt x="173" y="456"/>
                    </a:lnTo>
                    <a:lnTo>
                      <a:pt x="113" y="360"/>
                    </a:lnTo>
                    <a:lnTo>
                      <a:pt x="95" y="320"/>
                    </a:lnTo>
                    <a:lnTo>
                      <a:pt x="26" y="312"/>
                    </a:lnTo>
                    <a:lnTo>
                      <a:pt x="9" y="336"/>
                    </a:lnTo>
                  </a:path>
                </a:pathLst>
              </a:custGeom>
              <a:solidFill>
                <a:srgbClr val="CBCBCB"/>
              </a:solidFill>
              <a:ln w="12700" cap="rnd">
                <a:solidFill>
                  <a:schemeClr val="bg1"/>
                </a:solidFill>
                <a:round/>
                <a:headEnd/>
                <a:tailEnd/>
              </a:ln>
            </p:spPr>
            <p:txBody>
              <a:bodyPr/>
              <a:lstStyle/>
              <a:p>
                <a:endParaRPr lang="de-CH" dirty="0"/>
              </a:p>
            </p:txBody>
          </p:sp>
          <p:sp>
            <p:nvSpPr>
              <p:cNvPr id="21" name="Freeform 92"/>
              <p:cNvSpPr>
                <a:spLocks/>
              </p:cNvSpPr>
              <p:nvPr/>
            </p:nvSpPr>
            <p:spPr bwMode="auto">
              <a:xfrm>
                <a:off x="1859" y="1525"/>
                <a:ext cx="760" cy="686"/>
              </a:xfrm>
              <a:custGeom>
                <a:avLst/>
                <a:gdLst>
                  <a:gd name="T0" fmla="*/ 2147483647 w 581"/>
                  <a:gd name="T1" fmla="*/ 2147483647 h 521"/>
                  <a:gd name="T2" fmla="*/ 2147483647 w 581"/>
                  <a:gd name="T3" fmla="*/ 2147483647 h 521"/>
                  <a:gd name="T4" fmla="*/ 2147483647 w 581"/>
                  <a:gd name="T5" fmla="*/ 2147483647 h 521"/>
                  <a:gd name="T6" fmla="*/ 2147483647 w 581"/>
                  <a:gd name="T7" fmla="*/ 2147483647 h 521"/>
                  <a:gd name="T8" fmla="*/ 2147483647 w 581"/>
                  <a:gd name="T9" fmla="*/ 2147483647 h 521"/>
                  <a:gd name="T10" fmla="*/ 2147483647 w 581"/>
                  <a:gd name="T11" fmla="*/ 2147483647 h 521"/>
                  <a:gd name="T12" fmla="*/ 2147483647 w 581"/>
                  <a:gd name="T13" fmla="*/ 2147483647 h 521"/>
                  <a:gd name="T14" fmla="*/ 2147483647 w 581"/>
                  <a:gd name="T15" fmla="*/ 2147483647 h 521"/>
                  <a:gd name="T16" fmla="*/ 2147483647 w 581"/>
                  <a:gd name="T17" fmla="*/ 2147483647 h 521"/>
                  <a:gd name="T18" fmla="*/ 2147483647 w 581"/>
                  <a:gd name="T19" fmla="*/ 2147483647 h 521"/>
                  <a:gd name="T20" fmla="*/ 2147483647 w 581"/>
                  <a:gd name="T21" fmla="*/ 2147483647 h 521"/>
                  <a:gd name="T22" fmla="*/ 2147483647 w 581"/>
                  <a:gd name="T23" fmla="*/ 2147483647 h 521"/>
                  <a:gd name="T24" fmla="*/ 2147483647 w 581"/>
                  <a:gd name="T25" fmla="*/ 2147483647 h 521"/>
                  <a:gd name="T26" fmla="*/ 2147483647 w 581"/>
                  <a:gd name="T27" fmla="*/ 2147483647 h 521"/>
                  <a:gd name="T28" fmla="*/ 2147483647 w 581"/>
                  <a:gd name="T29" fmla="*/ 2147483647 h 521"/>
                  <a:gd name="T30" fmla="*/ 2147483647 w 581"/>
                  <a:gd name="T31" fmla="*/ 2147483647 h 521"/>
                  <a:gd name="T32" fmla="*/ 2147483647 w 581"/>
                  <a:gd name="T33" fmla="*/ 2147483647 h 521"/>
                  <a:gd name="T34" fmla="*/ 2147483647 w 581"/>
                  <a:gd name="T35" fmla="*/ 2147483647 h 521"/>
                  <a:gd name="T36" fmla="*/ 2147483647 w 581"/>
                  <a:gd name="T37" fmla="*/ 2147483647 h 521"/>
                  <a:gd name="T38" fmla="*/ 2147483647 w 581"/>
                  <a:gd name="T39" fmla="*/ 2147483647 h 521"/>
                  <a:gd name="T40" fmla="*/ 2147483647 w 581"/>
                  <a:gd name="T41" fmla="*/ 2147483647 h 521"/>
                  <a:gd name="T42" fmla="*/ 2147483647 w 581"/>
                  <a:gd name="T43" fmla="*/ 2147483647 h 521"/>
                  <a:gd name="T44" fmla="*/ 2147483647 w 581"/>
                  <a:gd name="T45" fmla="*/ 2147483647 h 521"/>
                  <a:gd name="T46" fmla="*/ 2147483647 w 581"/>
                  <a:gd name="T47" fmla="*/ 2147483647 h 521"/>
                  <a:gd name="T48" fmla="*/ 2147483647 w 581"/>
                  <a:gd name="T49" fmla="*/ 2147483647 h 521"/>
                  <a:gd name="T50" fmla="*/ 2147483647 w 581"/>
                  <a:gd name="T51" fmla="*/ 2147483647 h 521"/>
                  <a:gd name="T52" fmla="*/ 2147483647 w 581"/>
                  <a:gd name="T53" fmla="*/ 2147483647 h 521"/>
                  <a:gd name="T54" fmla="*/ 2147483647 w 581"/>
                  <a:gd name="T55" fmla="*/ 2147483647 h 521"/>
                  <a:gd name="T56" fmla="*/ 2147483647 w 581"/>
                  <a:gd name="T57" fmla="*/ 2147483647 h 521"/>
                  <a:gd name="T58" fmla="*/ 2147483647 w 581"/>
                  <a:gd name="T59" fmla="*/ 2147483647 h 521"/>
                  <a:gd name="T60" fmla="*/ 2147483647 w 581"/>
                  <a:gd name="T61" fmla="*/ 2147483647 h 521"/>
                  <a:gd name="T62" fmla="*/ 2147483647 w 581"/>
                  <a:gd name="T63" fmla="*/ 2147483647 h 521"/>
                  <a:gd name="T64" fmla="*/ 2147483647 w 581"/>
                  <a:gd name="T65" fmla="*/ 2147483647 h 521"/>
                  <a:gd name="T66" fmla="*/ 2147483647 w 581"/>
                  <a:gd name="T67" fmla="*/ 2147483647 h 521"/>
                  <a:gd name="T68" fmla="*/ 2147483647 w 581"/>
                  <a:gd name="T69" fmla="*/ 2147483647 h 521"/>
                  <a:gd name="T70" fmla="*/ 2147483647 w 581"/>
                  <a:gd name="T71" fmla="*/ 2147483647 h 521"/>
                  <a:gd name="T72" fmla="*/ 2147483647 w 581"/>
                  <a:gd name="T73" fmla="*/ 2147483647 h 52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581"/>
                  <a:gd name="T112" fmla="*/ 0 h 521"/>
                  <a:gd name="T113" fmla="*/ 581 w 581"/>
                  <a:gd name="T114" fmla="*/ 521 h 521"/>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581" h="521">
                    <a:moveTo>
                      <a:pt x="164" y="216"/>
                    </a:moveTo>
                    <a:lnTo>
                      <a:pt x="173" y="192"/>
                    </a:lnTo>
                    <a:lnTo>
                      <a:pt x="130" y="184"/>
                    </a:lnTo>
                    <a:lnTo>
                      <a:pt x="104" y="184"/>
                    </a:lnTo>
                    <a:lnTo>
                      <a:pt x="78" y="144"/>
                    </a:lnTo>
                    <a:lnTo>
                      <a:pt x="69" y="152"/>
                    </a:lnTo>
                    <a:lnTo>
                      <a:pt x="78" y="128"/>
                    </a:lnTo>
                    <a:lnTo>
                      <a:pt x="104" y="128"/>
                    </a:lnTo>
                    <a:lnTo>
                      <a:pt x="104" y="144"/>
                    </a:lnTo>
                    <a:lnTo>
                      <a:pt x="121" y="144"/>
                    </a:lnTo>
                    <a:lnTo>
                      <a:pt x="147" y="136"/>
                    </a:lnTo>
                    <a:lnTo>
                      <a:pt x="147" y="144"/>
                    </a:lnTo>
                    <a:lnTo>
                      <a:pt x="156" y="144"/>
                    </a:lnTo>
                    <a:lnTo>
                      <a:pt x="156" y="128"/>
                    </a:lnTo>
                    <a:lnTo>
                      <a:pt x="182" y="120"/>
                    </a:lnTo>
                    <a:lnTo>
                      <a:pt x="182" y="128"/>
                    </a:lnTo>
                    <a:lnTo>
                      <a:pt x="190" y="136"/>
                    </a:lnTo>
                    <a:lnTo>
                      <a:pt x="190" y="112"/>
                    </a:lnTo>
                    <a:lnTo>
                      <a:pt x="216" y="96"/>
                    </a:lnTo>
                    <a:lnTo>
                      <a:pt x="216" y="72"/>
                    </a:lnTo>
                    <a:lnTo>
                      <a:pt x="208" y="40"/>
                    </a:lnTo>
                    <a:lnTo>
                      <a:pt x="208" y="8"/>
                    </a:lnTo>
                    <a:lnTo>
                      <a:pt x="242" y="0"/>
                    </a:lnTo>
                    <a:lnTo>
                      <a:pt x="312" y="24"/>
                    </a:lnTo>
                    <a:lnTo>
                      <a:pt x="312" y="56"/>
                    </a:lnTo>
                    <a:lnTo>
                      <a:pt x="286" y="96"/>
                    </a:lnTo>
                    <a:lnTo>
                      <a:pt x="251" y="104"/>
                    </a:lnTo>
                    <a:lnTo>
                      <a:pt x="242" y="128"/>
                    </a:lnTo>
                    <a:lnTo>
                      <a:pt x="242" y="160"/>
                    </a:lnTo>
                    <a:lnTo>
                      <a:pt x="286" y="152"/>
                    </a:lnTo>
                    <a:lnTo>
                      <a:pt x="312" y="144"/>
                    </a:lnTo>
                    <a:lnTo>
                      <a:pt x="364" y="184"/>
                    </a:lnTo>
                    <a:lnTo>
                      <a:pt x="381" y="184"/>
                    </a:lnTo>
                    <a:lnTo>
                      <a:pt x="441" y="128"/>
                    </a:lnTo>
                    <a:lnTo>
                      <a:pt x="511" y="104"/>
                    </a:lnTo>
                    <a:lnTo>
                      <a:pt x="511" y="32"/>
                    </a:lnTo>
                    <a:lnTo>
                      <a:pt x="580" y="128"/>
                    </a:lnTo>
                    <a:lnTo>
                      <a:pt x="563" y="168"/>
                    </a:lnTo>
                    <a:lnTo>
                      <a:pt x="528" y="224"/>
                    </a:lnTo>
                    <a:lnTo>
                      <a:pt x="502" y="216"/>
                    </a:lnTo>
                    <a:lnTo>
                      <a:pt x="476" y="184"/>
                    </a:lnTo>
                    <a:lnTo>
                      <a:pt x="467" y="192"/>
                    </a:lnTo>
                    <a:lnTo>
                      <a:pt x="398" y="288"/>
                    </a:lnTo>
                    <a:lnTo>
                      <a:pt x="329" y="296"/>
                    </a:lnTo>
                    <a:lnTo>
                      <a:pt x="286" y="256"/>
                    </a:lnTo>
                    <a:lnTo>
                      <a:pt x="251" y="264"/>
                    </a:lnTo>
                    <a:lnTo>
                      <a:pt x="216" y="264"/>
                    </a:lnTo>
                    <a:lnTo>
                      <a:pt x="199" y="280"/>
                    </a:lnTo>
                    <a:lnTo>
                      <a:pt x="251" y="328"/>
                    </a:lnTo>
                    <a:lnTo>
                      <a:pt x="286" y="360"/>
                    </a:lnTo>
                    <a:lnTo>
                      <a:pt x="277" y="384"/>
                    </a:lnTo>
                    <a:lnTo>
                      <a:pt x="242" y="424"/>
                    </a:lnTo>
                    <a:lnTo>
                      <a:pt x="190" y="392"/>
                    </a:lnTo>
                    <a:lnTo>
                      <a:pt x="156" y="432"/>
                    </a:lnTo>
                    <a:lnTo>
                      <a:pt x="121" y="480"/>
                    </a:lnTo>
                    <a:lnTo>
                      <a:pt x="139" y="512"/>
                    </a:lnTo>
                    <a:lnTo>
                      <a:pt x="104" y="520"/>
                    </a:lnTo>
                    <a:lnTo>
                      <a:pt x="95" y="520"/>
                    </a:lnTo>
                    <a:lnTo>
                      <a:pt x="95" y="488"/>
                    </a:lnTo>
                    <a:lnTo>
                      <a:pt x="52" y="504"/>
                    </a:lnTo>
                    <a:lnTo>
                      <a:pt x="26" y="488"/>
                    </a:lnTo>
                    <a:lnTo>
                      <a:pt x="9" y="472"/>
                    </a:lnTo>
                    <a:lnTo>
                      <a:pt x="43" y="440"/>
                    </a:lnTo>
                    <a:lnTo>
                      <a:pt x="95" y="424"/>
                    </a:lnTo>
                    <a:lnTo>
                      <a:pt x="121" y="392"/>
                    </a:lnTo>
                    <a:lnTo>
                      <a:pt x="95" y="368"/>
                    </a:lnTo>
                    <a:lnTo>
                      <a:pt x="35" y="400"/>
                    </a:lnTo>
                    <a:lnTo>
                      <a:pt x="9" y="384"/>
                    </a:lnTo>
                    <a:lnTo>
                      <a:pt x="0" y="344"/>
                    </a:lnTo>
                    <a:lnTo>
                      <a:pt x="35" y="312"/>
                    </a:lnTo>
                    <a:lnTo>
                      <a:pt x="69" y="296"/>
                    </a:lnTo>
                    <a:lnTo>
                      <a:pt x="113" y="248"/>
                    </a:lnTo>
                    <a:lnTo>
                      <a:pt x="147" y="232"/>
                    </a:lnTo>
                    <a:lnTo>
                      <a:pt x="164" y="224"/>
                    </a:lnTo>
                    <a:lnTo>
                      <a:pt x="164" y="216"/>
                    </a:lnTo>
                  </a:path>
                </a:pathLst>
              </a:custGeom>
              <a:solidFill>
                <a:srgbClr val="CBCBCB"/>
              </a:solidFill>
              <a:ln w="12700" cap="rnd">
                <a:solidFill>
                  <a:schemeClr val="bg1"/>
                </a:solidFill>
                <a:round/>
                <a:headEnd/>
                <a:tailEnd/>
              </a:ln>
            </p:spPr>
            <p:txBody>
              <a:bodyPr/>
              <a:lstStyle/>
              <a:p>
                <a:endParaRPr lang="de-CH" dirty="0"/>
              </a:p>
            </p:txBody>
          </p:sp>
          <p:sp>
            <p:nvSpPr>
              <p:cNvPr id="22" name="Freeform 93"/>
              <p:cNvSpPr>
                <a:spLocks/>
              </p:cNvSpPr>
              <p:nvPr/>
            </p:nvSpPr>
            <p:spPr bwMode="auto">
              <a:xfrm>
                <a:off x="2233" y="2072"/>
                <a:ext cx="46" cy="44"/>
              </a:xfrm>
              <a:custGeom>
                <a:avLst/>
                <a:gdLst>
                  <a:gd name="T0" fmla="*/ 0 w 35"/>
                  <a:gd name="T1" fmla="*/ 0 h 33"/>
                  <a:gd name="T2" fmla="*/ 0 w 35"/>
                  <a:gd name="T3" fmla="*/ 2147483647 h 33"/>
                  <a:gd name="T4" fmla="*/ 0 w 35"/>
                  <a:gd name="T5" fmla="*/ 2147483647 h 33"/>
                  <a:gd name="T6" fmla="*/ 2147483647 w 35"/>
                  <a:gd name="T7" fmla="*/ 2147483647 h 33"/>
                  <a:gd name="T8" fmla="*/ 2147483647 w 35"/>
                  <a:gd name="T9" fmla="*/ 2147483647 h 33"/>
                  <a:gd name="T10" fmla="*/ 2147483647 w 35"/>
                  <a:gd name="T11" fmla="*/ 0 h 33"/>
                  <a:gd name="T12" fmla="*/ 0 w 35"/>
                  <a:gd name="T13" fmla="*/ 0 h 33"/>
                  <a:gd name="T14" fmla="*/ 0 60000 65536"/>
                  <a:gd name="T15" fmla="*/ 0 60000 65536"/>
                  <a:gd name="T16" fmla="*/ 0 60000 65536"/>
                  <a:gd name="T17" fmla="*/ 0 60000 65536"/>
                  <a:gd name="T18" fmla="*/ 0 60000 65536"/>
                  <a:gd name="T19" fmla="*/ 0 60000 65536"/>
                  <a:gd name="T20" fmla="*/ 0 60000 65536"/>
                  <a:gd name="T21" fmla="*/ 0 w 35"/>
                  <a:gd name="T22" fmla="*/ 0 h 33"/>
                  <a:gd name="T23" fmla="*/ 35 w 35"/>
                  <a:gd name="T24" fmla="*/ 33 h 3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5" h="33">
                    <a:moveTo>
                      <a:pt x="0" y="0"/>
                    </a:moveTo>
                    <a:lnTo>
                      <a:pt x="0" y="16"/>
                    </a:lnTo>
                    <a:lnTo>
                      <a:pt x="0" y="32"/>
                    </a:lnTo>
                    <a:lnTo>
                      <a:pt x="26" y="24"/>
                    </a:lnTo>
                    <a:lnTo>
                      <a:pt x="34" y="16"/>
                    </a:lnTo>
                    <a:lnTo>
                      <a:pt x="17" y="0"/>
                    </a:lnTo>
                    <a:lnTo>
                      <a:pt x="0" y="0"/>
                    </a:lnTo>
                  </a:path>
                </a:pathLst>
              </a:custGeom>
              <a:solidFill>
                <a:srgbClr val="CBCBCB"/>
              </a:solidFill>
              <a:ln w="12700" cap="rnd">
                <a:solidFill>
                  <a:schemeClr val="bg1"/>
                </a:solidFill>
                <a:round/>
                <a:headEnd/>
                <a:tailEnd/>
              </a:ln>
            </p:spPr>
            <p:txBody>
              <a:bodyPr/>
              <a:lstStyle/>
              <a:p>
                <a:endParaRPr lang="de-CH" dirty="0"/>
              </a:p>
            </p:txBody>
          </p:sp>
          <p:sp>
            <p:nvSpPr>
              <p:cNvPr id="23" name="Freeform 94"/>
              <p:cNvSpPr>
                <a:spLocks/>
              </p:cNvSpPr>
              <p:nvPr/>
            </p:nvSpPr>
            <p:spPr bwMode="auto">
              <a:xfrm>
                <a:off x="3016" y="1936"/>
                <a:ext cx="681" cy="506"/>
              </a:xfrm>
              <a:custGeom>
                <a:avLst/>
                <a:gdLst>
                  <a:gd name="T0" fmla="*/ 2147483647 w 521"/>
                  <a:gd name="T1" fmla="*/ 2147483647 h 385"/>
                  <a:gd name="T2" fmla="*/ 2147483647 w 521"/>
                  <a:gd name="T3" fmla="*/ 2147483647 h 385"/>
                  <a:gd name="T4" fmla="*/ 2147483647 w 521"/>
                  <a:gd name="T5" fmla="*/ 2147483647 h 385"/>
                  <a:gd name="T6" fmla="*/ 2147483647 w 521"/>
                  <a:gd name="T7" fmla="*/ 2147483647 h 385"/>
                  <a:gd name="T8" fmla="*/ 2147483647 w 521"/>
                  <a:gd name="T9" fmla="*/ 2147483647 h 385"/>
                  <a:gd name="T10" fmla="*/ 2147483647 w 521"/>
                  <a:gd name="T11" fmla="*/ 2147483647 h 385"/>
                  <a:gd name="T12" fmla="*/ 2147483647 w 521"/>
                  <a:gd name="T13" fmla="*/ 2147483647 h 385"/>
                  <a:gd name="T14" fmla="*/ 2147483647 w 521"/>
                  <a:gd name="T15" fmla="*/ 2147483647 h 385"/>
                  <a:gd name="T16" fmla="*/ 0 w 521"/>
                  <a:gd name="T17" fmla="*/ 2147483647 h 385"/>
                  <a:gd name="T18" fmla="*/ 2147483647 w 521"/>
                  <a:gd name="T19" fmla="*/ 2147483647 h 385"/>
                  <a:gd name="T20" fmla="*/ 2147483647 w 521"/>
                  <a:gd name="T21" fmla="*/ 2147483647 h 385"/>
                  <a:gd name="T22" fmla="*/ 2147483647 w 521"/>
                  <a:gd name="T23" fmla="*/ 2147483647 h 385"/>
                  <a:gd name="T24" fmla="*/ 2147483647 w 521"/>
                  <a:gd name="T25" fmla="*/ 2147483647 h 385"/>
                  <a:gd name="T26" fmla="*/ 2147483647 w 521"/>
                  <a:gd name="T27" fmla="*/ 2147483647 h 385"/>
                  <a:gd name="T28" fmla="*/ 2147483647 w 521"/>
                  <a:gd name="T29" fmla="*/ 2147483647 h 385"/>
                  <a:gd name="T30" fmla="*/ 2147483647 w 521"/>
                  <a:gd name="T31" fmla="*/ 2147483647 h 385"/>
                  <a:gd name="T32" fmla="*/ 2147483647 w 521"/>
                  <a:gd name="T33" fmla="*/ 2147483647 h 385"/>
                  <a:gd name="T34" fmla="*/ 2147483647 w 521"/>
                  <a:gd name="T35" fmla="*/ 2147483647 h 385"/>
                  <a:gd name="T36" fmla="*/ 2147483647 w 521"/>
                  <a:gd name="T37" fmla="*/ 2147483647 h 385"/>
                  <a:gd name="T38" fmla="*/ 2147483647 w 521"/>
                  <a:gd name="T39" fmla="*/ 2147483647 h 385"/>
                  <a:gd name="T40" fmla="*/ 2147483647 w 521"/>
                  <a:gd name="T41" fmla="*/ 2147483647 h 385"/>
                  <a:gd name="T42" fmla="*/ 2147483647 w 521"/>
                  <a:gd name="T43" fmla="*/ 2147483647 h 385"/>
                  <a:gd name="T44" fmla="*/ 2147483647 w 521"/>
                  <a:gd name="T45" fmla="*/ 2147483647 h 385"/>
                  <a:gd name="T46" fmla="*/ 2147483647 w 521"/>
                  <a:gd name="T47" fmla="*/ 2147483647 h 385"/>
                  <a:gd name="T48" fmla="*/ 2147483647 w 521"/>
                  <a:gd name="T49" fmla="*/ 2147483647 h 385"/>
                  <a:gd name="T50" fmla="*/ 2147483647 w 521"/>
                  <a:gd name="T51" fmla="*/ 2147483647 h 385"/>
                  <a:gd name="T52" fmla="*/ 2147483647 w 521"/>
                  <a:gd name="T53" fmla="*/ 2147483647 h 385"/>
                  <a:gd name="T54" fmla="*/ 2147483647 w 521"/>
                  <a:gd name="T55" fmla="*/ 2147483647 h 385"/>
                  <a:gd name="T56" fmla="*/ 2147483647 w 521"/>
                  <a:gd name="T57" fmla="*/ 2147483647 h 385"/>
                  <a:gd name="T58" fmla="*/ 2147483647 w 521"/>
                  <a:gd name="T59" fmla="*/ 2147483647 h 385"/>
                  <a:gd name="T60" fmla="*/ 2147483647 w 521"/>
                  <a:gd name="T61" fmla="*/ 2147483647 h 385"/>
                  <a:gd name="T62" fmla="*/ 2147483647 w 521"/>
                  <a:gd name="T63" fmla="*/ 2147483647 h 385"/>
                  <a:gd name="T64" fmla="*/ 2147483647 w 521"/>
                  <a:gd name="T65" fmla="*/ 2147483647 h 385"/>
                  <a:gd name="T66" fmla="*/ 2147483647 w 521"/>
                  <a:gd name="T67" fmla="*/ 2147483647 h 385"/>
                  <a:gd name="T68" fmla="*/ 2147483647 w 521"/>
                  <a:gd name="T69" fmla="*/ 0 h 385"/>
                  <a:gd name="T70" fmla="*/ 2147483647 w 521"/>
                  <a:gd name="T71" fmla="*/ 2147483647 h 385"/>
                  <a:gd name="T72" fmla="*/ 2147483647 w 521"/>
                  <a:gd name="T73" fmla="*/ 0 h 385"/>
                  <a:gd name="T74" fmla="*/ 2147483647 w 521"/>
                  <a:gd name="T75" fmla="*/ 2147483647 h 385"/>
                  <a:gd name="T76" fmla="*/ 2147483647 w 521"/>
                  <a:gd name="T77" fmla="*/ 2147483647 h 385"/>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521"/>
                  <a:gd name="T118" fmla="*/ 0 h 385"/>
                  <a:gd name="T119" fmla="*/ 521 w 521"/>
                  <a:gd name="T120" fmla="*/ 385 h 385"/>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521" h="385">
                    <a:moveTo>
                      <a:pt x="260" y="48"/>
                    </a:moveTo>
                    <a:lnTo>
                      <a:pt x="277" y="80"/>
                    </a:lnTo>
                    <a:lnTo>
                      <a:pt x="234" y="120"/>
                    </a:lnTo>
                    <a:lnTo>
                      <a:pt x="199" y="168"/>
                    </a:lnTo>
                    <a:lnTo>
                      <a:pt x="139" y="160"/>
                    </a:lnTo>
                    <a:lnTo>
                      <a:pt x="104" y="144"/>
                    </a:lnTo>
                    <a:lnTo>
                      <a:pt x="78" y="136"/>
                    </a:lnTo>
                    <a:lnTo>
                      <a:pt x="52" y="136"/>
                    </a:lnTo>
                    <a:lnTo>
                      <a:pt x="0" y="168"/>
                    </a:lnTo>
                    <a:lnTo>
                      <a:pt x="17" y="184"/>
                    </a:lnTo>
                    <a:lnTo>
                      <a:pt x="43" y="200"/>
                    </a:lnTo>
                    <a:lnTo>
                      <a:pt x="78" y="208"/>
                    </a:lnTo>
                    <a:lnTo>
                      <a:pt x="104" y="224"/>
                    </a:lnTo>
                    <a:lnTo>
                      <a:pt x="95" y="264"/>
                    </a:lnTo>
                    <a:lnTo>
                      <a:pt x="95" y="288"/>
                    </a:lnTo>
                    <a:lnTo>
                      <a:pt x="173" y="296"/>
                    </a:lnTo>
                    <a:lnTo>
                      <a:pt x="191" y="280"/>
                    </a:lnTo>
                    <a:lnTo>
                      <a:pt x="199" y="296"/>
                    </a:lnTo>
                    <a:lnTo>
                      <a:pt x="208" y="328"/>
                    </a:lnTo>
                    <a:lnTo>
                      <a:pt x="225" y="336"/>
                    </a:lnTo>
                    <a:lnTo>
                      <a:pt x="260" y="336"/>
                    </a:lnTo>
                    <a:lnTo>
                      <a:pt x="295" y="368"/>
                    </a:lnTo>
                    <a:lnTo>
                      <a:pt x="364" y="344"/>
                    </a:lnTo>
                    <a:lnTo>
                      <a:pt x="381" y="360"/>
                    </a:lnTo>
                    <a:lnTo>
                      <a:pt x="416" y="384"/>
                    </a:lnTo>
                    <a:lnTo>
                      <a:pt x="485" y="360"/>
                    </a:lnTo>
                    <a:lnTo>
                      <a:pt x="503" y="296"/>
                    </a:lnTo>
                    <a:lnTo>
                      <a:pt x="442" y="232"/>
                    </a:lnTo>
                    <a:lnTo>
                      <a:pt x="477" y="216"/>
                    </a:lnTo>
                    <a:lnTo>
                      <a:pt x="520" y="152"/>
                    </a:lnTo>
                    <a:lnTo>
                      <a:pt x="494" y="112"/>
                    </a:lnTo>
                    <a:lnTo>
                      <a:pt x="503" y="64"/>
                    </a:lnTo>
                    <a:lnTo>
                      <a:pt x="485" y="32"/>
                    </a:lnTo>
                    <a:lnTo>
                      <a:pt x="503" y="8"/>
                    </a:lnTo>
                    <a:lnTo>
                      <a:pt x="477" y="0"/>
                    </a:lnTo>
                    <a:lnTo>
                      <a:pt x="459" y="8"/>
                    </a:lnTo>
                    <a:lnTo>
                      <a:pt x="364" y="0"/>
                    </a:lnTo>
                    <a:lnTo>
                      <a:pt x="277" y="24"/>
                    </a:lnTo>
                    <a:lnTo>
                      <a:pt x="260" y="48"/>
                    </a:lnTo>
                  </a:path>
                </a:pathLst>
              </a:custGeom>
              <a:solidFill>
                <a:srgbClr val="CBCBCB"/>
              </a:solidFill>
              <a:ln w="12700" cap="rnd">
                <a:solidFill>
                  <a:schemeClr val="bg1"/>
                </a:solidFill>
                <a:round/>
                <a:headEnd/>
                <a:tailEnd/>
              </a:ln>
            </p:spPr>
            <p:txBody>
              <a:bodyPr/>
              <a:lstStyle/>
              <a:p>
                <a:endParaRPr lang="de-CH" dirty="0"/>
              </a:p>
            </p:txBody>
          </p:sp>
          <p:sp>
            <p:nvSpPr>
              <p:cNvPr id="24" name="Freeform 96"/>
              <p:cNvSpPr>
                <a:spLocks/>
              </p:cNvSpPr>
              <p:nvPr/>
            </p:nvSpPr>
            <p:spPr bwMode="auto">
              <a:xfrm>
                <a:off x="3492" y="1451"/>
                <a:ext cx="885" cy="1033"/>
              </a:xfrm>
              <a:custGeom>
                <a:avLst/>
                <a:gdLst>
                  <a:gd name="T0" fmla="*/ 2147483647 w 677"/>
                  <a:gd name="T1" fmla="*/ 2147483647 h 785"/>
                  <a:gd name="T2" fmla="*/ 2147483647 w 677"/>
                  <a:gd name="T3" fmla="*/ 2147483647 h 785"/>
                  <a:gd name="T4" fmla="*/ 2147483647 w 677"/>
                  <a:gd name="T5" fmla="*/ 0 h 785"/>
                  <a:gd name="T6" fmla="*/ 2147483647 w 677"/>
                  <a:gd name="T7" fmla="*/ 2147483647 h 785"/>
                  <a:gd name="T8" fmla="*/ 2147483647 w 677"/>
                  <a:gd name="T9" fmla="*/ 2147483647 h 785"/>
                  <a:gd name="T10" fmla="*/ 2147483647 w 677"/>
                  <a:gd name="T11" fmla="*/ 2147483647 h 785"/>
                  <a:gd name="T12" fmla="*/ 2147483647 w 677"/>
                  <a:gd name="T13" fmla="*/ 2147483647 h 785"/>
                  <a:gd name="T14" fmla="*/ 2147483647 w 677"/>
                  <a:gd name="T15" fmla="*/ 2147483647 h 785"/>
                  <a:gd name="T16" fmla="*/ 2147483647 w 677"/>
                  <a:gd name="T17" fmla="*/ 2147483647 h 785"/>
                  <a:gd name="T18" fmla="*/ 2147483647 w 677"/>
                  <a:gd name="T19" fmla="*/ 2147483647 h 785"/>
                  <a:gd name="T20" fmla="*/ 2147483647 w 677"/>
                  <a:gd name="T21" fmla="*/ 2147483647 h 785"/>
                  <a:gd name="T22" fmla="*/ 2147483647 w 677"/>
                  <a:gd name="T23" fmla="*/ 2147483647 h 785"/>
                  <a:gd name="T24" fmla="*/ 2147483647 w 677"/>
                  <a:gd name="T25" fmla="*/ 2147483647 h 785"/>
                  <a:gd name="T26" fmla="*/ 2147483647 w 677"/>
                  <a:gd name="T27" fmla="*/ 2147483647 h 785"/>
                  <a:gd name="T28" fmla="*/ 2147483647 w 677"/>
                  <a:gd name="T29" fmla="*/ 2147483647 h 785"/>
                  <a:gd name="T30" fmla="*/ 2147483647 w 677"/>
                  <a:gd name="T31" fmla="*/ 2147483647 h 785"/>
                  <a:gd name="T32" fmla="*/ 2147483647 w 677"/>
                  <a:gd name="T33" fmla="*/ 2147483647 h 785"/>
                  <a:gd name="T34" fmla="*/ 2147483647 w 677"/>
                  <a:gd name="T35" fmla="*/ 2147483647 h 785"/>
                  <a:gd name="T36" fmla="*/ 2147483647 w 677"/>
                  <a:gd name="T37" fmla="*/ 2147483647 h 785"/>
                  <a:gd name="T38" fmla="*/ 0 w 677"/>
                  <a:gd name="T39" fmla="*/ 2147483647 h 785"/>
                  <a:gd name="T40" fmla="*/ 2147483647 w 677"/>
                  <a:gd name="T41" fmla="*/ 2147483647 h 785"/>
                  <a:gd name="T42" fmla="*/ 2147483647 w 677"/>
                  <a:gd name="T43" fmla="*/ 2147483647 h 785"/>
                  <a:gd name="T44" fmla="*/ 2147483647 w 677"/>
                  <a:gd name="T45" fmla="*/ 2147483647 h 785"/>
                  <a:gd name="T46" fmla="*/ 2147483647 w 677"/>
                  <a:gd name="T47" fmla="*/ 2147483647 h 785"/>
                  <a:gd name="T48" fmla="*/ 2147483647 w 677"/>
                  <a:gd name="T49" fmla="*/ 2147483647 h 785"/>
                  <a:gd name="T50" fmla="*/ 2147483647 w 677"/>
                  <a:gd name="T51" fmla="*/ 2147483647 h 785"/>
                  <a:gd name="T52" fmla="*/ 2147483647 w 677"/>
                  <a:gd name="T53" fmla="*/ 2147483647 h 785"/>
                  <a:gd name="T54" fmla="*/ 2147483647 w 677"/>
                  <a:gd name="T55" fmla="*/ 2147483647 h 785"/>
                  <a:gd name="T56" fmla="*/ 2147483647 w 677"/>
                  <a:gd name="T57" fmla="*/ 2147483647 h 785"/>
                  <a:gd name="T58" fmla="*/ 2147483647 w 677"/>
                  <a:gd name="T59" fmla="*/ 2147483647 h 785"/>
                  <a:gd name="T60" fmla="*/ 2147483647 w 677"/>
                  <a:gd name="T61" fmla="*/ 2147483647 h 785"/>
                  <a:gd name="T62" fmla="*/ 2147483647 w 677"/>
                  <a:gd name="T63" fmla="*/ 2147483647 h 785"/>
                  <a:gd name="T64" fmla="*/ 2147483647 w 677"/>
                  <a:gd name="T65" fmla="*/ 2147483647 h 785"/>
                  <a:gd name="T66" fmla="*/ 2147483647 w 677"/>
                  <a:gd name="T67" fmla="*/ 2147483647 h 785"/>
                  <a:gd name="T68" fmla="*/ 2147483647 w 677"/>
                  <a:gd name="T69" fmla="*/ 2147483647 h 785"/>
                  <a:gd name="T70" fmla="*/ 2147483647 w 677"/>
                  <a:gd name="T71" fmla="*/ 2147483647 h 785"/>
                  <a:gd name="T72" fmla="*/ 2147483647 w 677"/>
                  <a:gd name="T73" fmla="*/ 2147483647 h 785"/>
                  <a:gd name="T74" fmla="*/ 2147483647 w 677"/>
                  <a:gd name="T75" fmla="*/ 2147483647 h 785"/>
                  <a:gd name="T76" fmla="*/ 2147483647 w 677"/>
                  <a:gd name="T77" fmla="*/ 2147483647 h 785"/>
                  <a:gd name="T78" fmla="*/ 2147483647 w 677"/>
                  <a:gd name="T79" fmla="*/ 2147483647 h 785"/>
                  <a:gd name="T80" fmla="*/ 2147483647 w 677"/>
                  <a:gd name="T81" fmla="*/ 2147483647 h 785"/>
                  <a:gd name="T82" fmla="*/ 2147483647 w 677"/>
                  <a:gd name="T83" fmla="*/ 2147483647 h 785"/>
                  <a:gd name="T84" fmla="*/ 2147483647 w 677"/>
                  <a:gd name="T85" fmla="*/ 2147483647 h 785"/>
                  <a:gd name="T86" fmla="*/ 2147483647 w 677"/>
                  <a:gd name="T87" fmla="*/ 2147483647 h 785"/>
                  <a:gd name="T88" fmla="*/ 2147483647 w 677"/>
                  <a:gd name="T89" fmla="*/ 2147483647 h 785"/>
                  <a:gd name="T90" fmla="*/ 2147483647 w 677"/>
                  <a:gd name="T91" fmla="*/ 2147483647 h 785"/>
                  <a:gd name="T92" fmla="*/ 2147483647 w 677"/>
                  <a:gd name="T93" fmla="*/ 2147483647 h 785"/>
                  <a:gd name="T94" fmla="*/ 2147483647 w 677"/>
                  <a:gd name="T95" fmla="*/ 2147483647 h 785"/>
                  <a:gd name="T96" fmla="*/ 2147483647 w 677"/>
                  <a:gd name="T97" fmla="*/ 2147483647 h 785"/>
                  <a:gd name="T98" fmla="*/ 2147483647 w 677"/>
                  <a:gd name="T99" fmla="*/ 2147483647 h 785"/>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677"/>
                  <a:gd name="T151" fmla="*/ 0 h 785"/>
                  <a:gd name="T152" fmla="*/ 677 w 677"/>
                  <a:gd name="T153" fmla="*/ 785 h 785"/>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677" h="785">
                    <a:moveTo>
                      <a:pt x="459" y="48"/>
                    </a:moveTo>
                    <a:lnTo>
                      <a:pt x="425" y="48"/>
                    </a:lnTo>
                    <a:lnTo>
                      <a:pt x="381" y="0"/>
                    </a:lnTo>
                    <a:lnTo>
                      <a:pt x="364" y="16"/>
                    </a:lnTo>
                    <a:lnTo>
                      <a:pt x="390" y="40"/>
                    </a:lnTo>
                    <a:lnTo>
                      <a:pt x="355" y="72"/>
                    </a:lnTo>
                    <a:lnTo>
                      <a:pt x="312" y="32"/>
                    </a:lnTo>
                    <a:lnTo>
                      <a:pt x="286" y="24"/>
                    </a:lnTo>
                    <a:lnTo>
                      <a:pt x="243" y="56"/>
                    </a:lnTo>
                    <a:lnTo>
                      <a:pt x="199" y="40"/>
                    </a:lnTo>
                    <a:lnTo>
                      <a:pt x="173" y="64"/>
                    </a:lnTo>
                    <a:lnTo>
                      <a:pt x="217" y="112"/>
                    </a:lnTo>
                    <a:lnTo>
                      <a:pt x="182" y="128"/>
                    </a:lnTo>
                    <a:lnTo>
                      <a:pt x="147" y="144"/>
                    </a:lnTo>
                    <a:lnTo>
                      <a:pt x="121" y="192"/>
                    </a:lnTo>
                    <a:lnTo>
                      <a:pt x="139" y="240"/>
                    </a:lnTo>
                    <a:lnTo>
                      <a:pt x="130" y="280"/>
                    </a:lnTo>
                    <a:lnTo>
                      <a:pt x="104" y="320"/>
                    </a:lnTo>
                    <a:lnTo>
                      <a:pt x="52" y="328"/>
                    </a:lnTo>
                    <a:lnTo>
                      <a:pt x="0" y="368"/>
                    </a:lnTo>
                    <a:lnTo>
                      <a:pt x="95" y="376"/>
                    </a:lnTo>
                    <a:lnTo>
                      <a:pt x="113" y="368"/>
                    </a:lnTo>
                    <a:lnTo>
                      <a:pt x="139" y="376"/>
                    </a:lnTo>
                    <a:lnTo>
                      <a:pt x="121" y="400"/>
                    </a:lnTo>
                    <a:lnTo>
                      <a:pt x="139" y="432"/>
                    </a:lnTo>
                    <a:lnTo>
                      <a:pt x="139" y="440"/>
                    </a:lnTo>
                    <a:lnTo>
                      <a:pt x="217" y="472"/>
                    </a:lnTo>
                    <a:lnTo>
                      <a:pt x="312" y="496"/>
                    </a:lnTo>
                    <a:lnTo>
                      <a:pt x="329" y="504"/>
                    </a:lnTo>
                    <a:lnTo>
                      <a:pt x="355" y="544"/>
                    </a:lnTo>
                    <a:lnTo>
                      <a:pt x="303" y="592"/>
                    </a:lnTo>
                    <a:lnTo>
                      <a:pt x="329" y="624"/>
                    </a:lnTo>
                    <a:lnTo>
                      <a:pt x="364" y="608"/>
                    </a:lnTo>
                    <a:lnTo>
                      <a:pt x="390" y="632"/>
                    </a:lnTo>
                    <a:lnTo>
                      <a:pt x="390" y="736"/>
                    </a:lnTo>
                    <a:lnTo>
                      <a:pt x="572" y="784"/>
                    </a:lnTo>
                    <a:lnTo>
                      <a:pt x="598" y="712"/>
                    </a:lnTo>
                    <a:lnTo>
                      <a:pt x="633" y="648"/>
                    </a:lnTo>
                    <a:lnTo>
                      <a:pt x="598" y="576"/>
                    </a:lnTo>
                    <a:lnTo>
                      <a:pt x="563" y="560"/>
                    </a:lnTo>
                    <a:lnTo>
                      <a:pt x="598" y="520"/>
                    </a:lnTo>
                    <a:lnTo>
                      <a:pt x="555" y="376"/>
                    </a:lnTo>
                    <a:lnTo>
                      <a:pt x="598" y="280"/>
                    </a:lnTo>
                    <a:lnTo>
                      <a:pt x="615" y="200"/>
                    </a:lnTo>
                    <a:lnTo>
                      <a:pt x="676" y="152"/>
                    </a:lnTo>
                    <a:lnTo>
                      <a:pt x="659" y="96"/>
                    </a:lnTo>
                    <a:lnTo>
                      <a:pt x="624" y="72"/>
                    </a:lnTo>
                    <a:lnTo>
                      <a:pt x="598" y="48"/>
                    </a:lnTo>
                    <a:lnTo>
                      <a:pt x="494" y="8"/>
                    </a:lnTo>
                    <a:lnTo>
                      <a:pt x="459" y="48"/>
                    </a:lnTo>
                  </a:path>
                </a:pathLst>
              </a:custGeom>
              <a:solidFill>
                <a:srgbClr val="CBCBCB"/>
              </a:solidFill>
              <a:ln w="12700" cap="rnd">
                <a:solidFill>
                  <a:schemeClr val="bg1"/>
                </a:solidFill>
                <a:round/>
                <a:headEnd/>
                <a:tailEnd/>
              </a:ln>
            </p:spPr>
            <p:txBody>
              <a:bodyPr/>
              <a:lstStyle/>
              <a:p>
                <a:endParaRPr lang="de-CH" dirty="0"/>
              </a:p>
            </p:txBody>
          </p:sp>
          <p:sp>
            <p:nvSpPr>
              <p:cNvPr id="25" name="Freeform 97"/>
              <p:cNvSpPr>
                <a:spLocks/>
              </p:cNvSpPr>
              <p:nvPr/>
            </p:nvSpPr>
            <p:spPr bwMode="auto">
              <a:xfrm>
                <a:off x="3050" y="1936"/>
                <a:ext cx="329" cy="222"/>
              </a:xfrm>
              <a:custGeom>
                <a:avLst/>
                <a:gdLst>
                  <a:gd name="T0" fmla="*/ 2147483647 w 252"/>
                  <a:gd name="T1" fmla="*/ 2147483647 h 169"/>
                  <a:gd name="T2" fmla="*/ 0 w 252"/>
                  <a:gd name="T3" fmla="*/ 2147483647 h 169"/>
                  <a:gd name="T4" fmla="*/ 0 w 252"/>
                  <a:gd name="T5" fmla="*/ 0 h 169"/>
                  <a:gd name="T6" fmla="*/ 2147483647 w 252"/>
                  <a:gd name="T7" fmla="*/ 2147483647 h 169"/>
                  <a:gd name="T8" fmla="*/ 2147483647 w 252"/>
                  <a:gd name="T9" fmla="*/ 2147483647 h 169"/>
                  <a:gd name="T10" fmla="*/ 2147483647 w 252"/>
                  <a:gd name="T11" fmla="*/ 0 h 169"/>
                  <a:gd name="T12" fmla="*/ 2147483647 w 252"/>
                  <a:gd name="T13" fmla="*/ 2147483647 h 169"/>
                  <a:gd name="T14" fmla="*/ 2147483647 w 252"/>
                  <a:gd name="T15" fmla="*/ 2147483647 h 169"/>
                  <a:gd name="T16" fmla="*/ 2147483647 w 252"/>
                  <a:gd name="T17" fmla="*/ 2147483647 h 169"/>
                  <a:gd name="T18" fmla="*/ 2147483647 w 252"/>
                  <a:gd name="T19" fmla="*/ 2147483647 h 169"/>
                  <a:gd name="T20" fmla="*/ 2147483647 w 252"/>
                  <a:gd name="T21" fmla="*/ 2147483647 h 169"/>
                  <a:gd name="T22" fmla="*/ 2147483647 w 252"/>
                  <a:gd name="T23" fmla="*/ 2147483647 h 169"/>
                  <a:gd name="T24" fmla="*/ 2147483647 w 252"/>
                  <a:gd name="T25" fmla="*/ 2147483647 h 169"/>
                  <a:gd name="T26" fmla="*/ 2147483647 w 252"/>
                  <a:gd name="T27" fmla="*/ 2147483647 h 169"/>
                  <a:gd name="T28" fmla="*/ 2147483647 w 252"/>
                  <a:gd name="T29" fmla="*/ 2147483647 h 169"/>
                  <a:gd name="T30" fmla="*/ 2147483647 w 252"/>
                  <a:gd name="T31" fmla="*/ 2147483647 h 169"/>
                  <a:gd name="T32" fmla="*/ 2147483647 w 252"/>
                  <a:gd name="T33" fmla="*/ 2147483647 h 16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252"/>
                  <a:gd name="T52" fmla="*/ 0 h 169"/>
                  <a:gd name="T53" fmla="*/ 252 w 252"/>
                  <a:gd name="T54" fmla="*/ 169 h 169"/>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252" h="169">
                    <a:moveTo>
                      <a:pt x="26" y="136"/>
                    </a:moveTo>
                    <a:lnTo>
                      <a:pt x="0" y="104"/>
                    </a:lnTo>
                    <a:lnTo>
                      <a:pt x="0" y="0"/>
                    </a:lnTo>
                    <a:lnTo>
                      <a:pt x="35" y="8"/>
                    </a:lnTo>
                    <a:lnTo>
                      <a:pt x="69" y="24"/>
                    </a:lnTo>
                    <a:lnTo>
                      <a:pt x="113" y="0"/>
                    </a:lnTo>
                    <a:lnTo>
                      <a:pt x="156" y="32"/>
                    </a:lnTo>
                    <a:lnTo>
                      <a:pt x="173" y="56"/>
                    </a:lnTo>
                    <a:lnTo>
                      <a:pt x="190" y="80"/>
                    </a:lnTo>
                    <a:lnTo>
                      <a:pt x="234" y="48"/>
                    </a:lnTo>
                    <a:lnTo>
                      <a:pt x="251" y="80"/>
                    </a:lnTo>
                    <a:lnTo>
                      <a:pt x="208" y="120"/>
                    </a:lnTo>
                    <a:lnTo>
                      <a:pt x="173" y="168"/>
                    </a:lnTo>
                    <a:lnTo>
                      <a:pt x="113" y="160"/>
                    </a:lnTo>
                    <a:lnTo>
                      <a:pt x="78" y="144"/>
                    </a:lnTo>
                    <a:lnTo>
                      <a:pt x="52" y="136"/>
                    </a:lnTo>
                    <a:lnTo>
                      <a:pt x="26" y="136"/>
                    </a:lnTo>
                  </a:path>
                </a:pathLst>
              </a:custGeom>
              <a:solidFill>
                <a:srgbClr val="CBCBCB"/>
              </a:solidFill>
              <a:ln w="12700" cap="rnd">
                <a:solidFill>
                  <a:schemeClr val="bg1"/>
                </a:solidFill>
                <a:round/>
                <a:headEnd/>
                <a:tailEnd/>
              </a:ln>
            </p:spPr>
            <p:txBody>
              <a:bodyPr/>
              <a:lstStyle/>
              <a:p>
                <a:endParaRPr lang="de-CH" dirty="0"/>
              </a:p>
            </p:txBody>
          </p:sp>
          <p:sp>
            <p:nvSpPr>
              <p:cNvPr id="26" name="Freeform 98"/>
              <p:cNvSpPr>
                <a:spLocks/>
              </p:cNvSpPr>
              <p:nvPr/>
            </p:nvSpPr>
            <p:spPr bwMode="auto">
              <a:xfrm>
                <a:off x="2652" y="2346"/>
                <a:ext cx="365" cy="328"/>
              </a:xfrm>
              <a:custGeom>
                <a:avLst/>
                <a:gdLst>
                  <a:gd name="T0" fmla="*/ 2147483647 w 279"/>
                  <a:gd name="T1" fmla="*/ 2147483647 h 249"/>
                  <a:gd name="T2" fmla="*/ 2147483647 w 279"/>
                  <a:gd name="T3" fmla="*/ 2147483647 h 249"/>
                  <a:gd name="T4" fmla="*/ 2147483647 w 279"/>
                  <a:gd name="T5" fmla="*/ 2147483647 h 249"/>
                  <a:gd name="T6" fmla="*/ 2147483647 w 279"/>
                  <a:gd name="T7" fmla="*/ 2147483647 h 249"/>
                  <a:gd name="T8" fmla="*/ 2147483647 w 279"/>
                  <a:gd name="T9" fmla="*/ 2147483647 h 249"/>
                  <a:gd name="T10" fmla="*/ 2147483647 w 279"/>
                  <a:gd name="T11" fmla="*/ 2147483647 h 249"/>
                  <a:gd name="T12" fmla="*/ 2147483647 w 279"/>
                  <a:gd name="T13" fmla="*/ 2147483647 h 249"/>
                  <a:gd name="T14" fmla="*/ 2147483647 w 279"/>
                  <a:gd name="T15" fmla="*/ 2147483647 h 249"/>
                  <a:gd name="T16" fmla="*/ 2147483647 w 279"/>
                  <a:gd name="T17" fmla="*/ 2147483647 h 249"/>
                  <a:gd name="T18" fmla="*/ 2147483647 w 279"/>
                  <a:gd name="T19" fmla="*/ 2147483647 h 249"/>
                  <a:gd name="T20" fmla="*/ 2147483647 w 279"/>
                  <a:gd name="T21" fmla="*/ 2147483647 h 249"/>
                  <a:gd name="T22" fmla="*/ 2147483647 w 279"/>
                  <a:gd name="T23" fmla="*/ 2147483647 h 249"/>
                  <a:gd name="T24" fmla="*/ 2147483647 w 279"/>
                  <a:gd name="T25" fmla="*/ 2147483647 h 249"/>
                  <a:gd name="T26" fmla="*/ 2147483647 w 279"/>
                  <a:gd name="T27" fmla="*/ 2147483647 h 249"/>
                  <a:gd name="T28" fmla="*/ 2147483647 w 279"/>
                  <a:gd name="T29" fmla="*/ 0 h 249"/>
                  <a:gd name="T30" fmla="*/ 2147483647 w 279"/>
                  <a:gd name="T31" fmla="*/ 0 h 249"/>
                  <a:gd name="T32" fmla="*/ 2147483647 w 279"/>
                  <a:gd name="T33" fmla="*/ 2147483647 h 249"/>
                  <a:gd name="T34" fmla="*/ 2147483647 w 279"/>
                  <a:gd name="T35" fmla="*/ 2147483647 h 249"/>
                  <a:gd name="T36" fmla="*/ 2147483647 w 279"/>
                  <a:gd name="T37" fmla="*/ 2147483647 h 249"/>
                  <a:gd name="T38" fmla="*/ 2147483647 w 279"/>
                  <a:gd name="T39" fmla="*/ 2147483647 h 249"/>
                  <a:gd name="T40" fmla="*/ 2147483647 w 279"/>
                  <a:gd name="T41" fmla="*/ 2147483647 h 249"/>
                  <a:gd name="T42" fmla="*/ 2147483647 w 279"/>
                  <a:gd name="T43" fmla="*/ 2147483647 h 249"/>
                  <a:gd name="T44" fmla="*/ 0 w 279"/>
                  <a:gd name="T45" fmla="*/ 2147483647 h 249"/>
                  <a:gd name="T46" fmla="*/ 0 w 279"/>
                  <a:gd name="T47" fmla="*/ 2147483647 h 249"/>
                  <a:gd name="T48" fmla="*/ 2147483647 w 279"/>
                  <a:gd name="T49" fmla="*/ 2147483647 h 2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279"/>
                  <a:gd name="T76" fmla="*/ 0 h 249"/>
                  <a:gd name="T77" fmla="*/ 279 w 279"/>
                  <a:gd name="T78" fmla="*/ 249 h 249"/>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279" h="249">
                    <a:moveTo>
                      <a:pt x="78" y="241"/>
                    </a:moveTo>
                    <a:lnTo>
                      <a:pt x="96" y="233"/>
                    </a:lnTo>
                    <a:lnTo>
                      <a:pt x="156" y="219"/>
                    </a:lnTo>
                    <a:lnTo>
                      <a:pt x="182" y="248"/>
                    </a:lnTo>
                    <a:lnTo>
                      <a:pt x="217" y="241"/>
                    </a:lnTo>
                    <a:lnTo>
                      <a:pt x="278" y="212"/>
                    </a:lnTo>
                    <a:lnTo>
                      <a:pt x="278" y="190"/>
                    </a:lnTo>
                    <a:lnTo>
                      <a:pt x="226" y="168"/>
                    </a:lnTo>
                    <a:lnTo>
                      <a:pt x="235" y="131"/>
                    </a:lnTo>
                    <a:lnTo>
                      <a:pt x="243" y="66"/>
                    </a:lnTo>
                    <a:lnTo>
                      <a:pt x="235" y="51"/>
                    </a:lnTo>
                    <a:lnTo>
                      <a:pt x="182" y="44"/>
                    </a:lnTo>
                    <a:lnTo>
                      <a:pt x="200" y="22"/>
                    </a:lnTo>
                    <a:lnTo>
                      <a:pt x="182" y="7"/>
                    </a:lnTo>
                    <a:lnTo>
                      <a:pt x="130" y="0"/>
                    </a:lnTo>
                    <a:lnTo>
                      <a:pt x="113" y="0"/>
                    </a:lnTo>
                    <a:lnTo>
                      <a:pt x="78" y="7"/>
                    </a:lnTo>
                    <a:lnTo>
                      <a:pt x="87" y="22"/>
                    </a:lnTo>
                    <a:lnTo>
                      <a:pt x="52" y="66"/>
                    </a:lnTo>
                    <a:lnTo>
                      <a:pt x="43" y="66"/>
                    </a:lnTo>
                    <a:lnTo>
                      <a:pt x="35" y="51"/>
                    </a:lnTo>
                    <a:lnTo>
                      <a:pt x="9" y="58"/>
                    </a:lnTo>
                    <a:lnTo>
                      <a:pt x="0" y="109"/>
                    </a:lnTo>
                    <a:lnTo>
                      <a:pt x="0" y="212"/>
                    </a:lnTo>
                    <a:lnTo>
                      <a:pt x="78" y="241"/>
                    </a:lnTo>
                  </a:path>
                </a:pathLst>
              </a:custGeom>
              <a:solidFill>
                <a:srgbClr val="CBCBCB"/>
              </a:solidFill>
              <a:ln w="12700" cap="rnd">
                <a:solidFill>
                  <a:schemeClr val="bg1"/>
                </a:solidFill>
                <a:round/>
                <a:headEnd/>
                <a:tailEnd/>
              </a:ln>
            </p:spPr>
            <p:txBody>
              <a:bodyPr/>
              <a:lstStyle/>
              <a:p>
                <a:endParaRPr lang="de-CH" dirty="0"/>
              </a:p>
            </p:txBody>
          </p:sp>
          <p:sp>
            <p:nvSpPr>
              <p:cNvPr id="27" name="Freeform 99"/>
              <p:cNvSpPr>
                <a:spLocks/>
              </p:cNvSpPr>
              <p:nvPr/>
            </p:nvSpPr>
            <p:spPr bwMode="auto">
              <a:xfrm>
                <a:off x="2822" y="2188"/>
                <a:ext cx="433" cy="475"/>
              </a:xfrm>
              <a:custGeom>
                <a:avLst/>
                <a:gdLst>
                  <a:gd name="T0" fmla="*/ 2147483647 w 331"/>
                  <a:gd name="T1" fmla="*/ 0 h 361"/>
                  <a:gd name="T2" fmla="*/ 2147483647 w 331"/>
                  <a:gd name="T3" fmla="*/ 2147483647 h 361"/>
                  <a:gd name="T4" fmla="*/ 2147483647 w 331"/>
                  <a:gd name="T5" fmla="*/ 2147483647 h 361"/>
                  <a:gd name="T6" fmla="*/ 2147483647 w 331"/>
                  <a:gd name="T7" fmla="*/ 2147483647 h 361"/>
                  <a:gd name="T8" fmla="*/ 2147483647 w 331"/>
                  <a:gd name="T9" fmla="*/ 2147483647 h 361"/>
                  <a:gd name="T10" fmla="*/ 2147483647 w 331"/>
                  <a:gd name="T11" fmla="*/ 2147483647 h 361"/>
                  <a:gd name="T12" fmla="*/ 2147483647 w 331"/>
                  <a:gd name="T13" fmla="*/ 2147483647 h 361"/>
                  <a:gd name="T14" fmla="*/ 2147483647 w 331"/>
                  <a:gd name="T15" fmla="*/ 2147483647 h 361"/>
                  <a:gd name="T16" fmla="*/ 2147483647 w 331"/>
                  <a:gd name="T17" fmla="*/ 2147483647 h 361"/>
                  <a:gd name="T18" fmla="*/ 2147483647 w 331"/>
                  <a:gd name="T19" fmla="*/ 2147483647 h 361"/>
                  <a:gd name="T20" fmla="*/ 2147483647 w 331"/>
                  <a:gd name="T21" fmla="*/ 2147483647 h 361"/>
                  <a:gd name="T22" fmla="*/ 2147483647 w 331"/>
                  <a:gd name="T23" fmla="*/ 2147483647 h 361"/>
                  <a:gd name="T24" fmla="*/ 2147483647 w 331"/>
                  <a:gd name="T25" fmla="*/ 2147483647 h 361"/>
                  <a:gd name="T26" fmla="*/ 2147483647 w 331"/>
                  <a:gd name="T27" fmla="*/ 2147483647 h 361"/>
                  <a:gd name="T28" fmla="*/ 2147483647 w 331"/>
                  <a:gd name="T29" fmla="*/ 2147483647 h 361"/>
                  <a:gd name="T30" fmla="*/ 2147483647 w 331"/>
                  <a:gd name="T31" fmla="*/ 2147483647 h 361"/>
                  <a:gd name="T32" fmla="*/ 2147483647 w 331"/>
                  <a:gd name="T33" fmla="*/ 2147483647 h 361"/>
                  <a:gd name="T34" fmla="*/ 2147483647 w 331"/>
                  <a:gd name="T35" fmla="*/ 2147483647 h 361"/>
                  <a:gd name="T36" fmla="*/ 2147483647 w 331"/>
                  <a:gd name="T37" fmla="*/ 2147483647 h 361"/>
                  <a:gd name="T38" fmla="*/ 2147483647 w 331"/>
                  <a:gd name="T39" fmla="*/ 2147483647 h 361"/>
                  <a:gd name="T40" fmla="*/ 2147483647 w 331"/>
                  <a:gd name="T41" fmla="*/ 2147483647 h 361"/>
                  <a:gd name="T42" fmla="*/ 2147483647 w 331"/>
                  <a:gd name="T43" fmla="*/ 2147483647 h 361"/>
                  <a:gd name="T44" fmla="*/ 2147483647 w 331"/>
                  <a:gd name="T45" fmla="*/ 2147483647 h 361"/>
                  <a:gd name="T46" fmla="*/ 2147483647 w 331"/>
                  <a:gd name="T47" fmla="*/ 2147483647 h 361"/>
                  <a:gd name="T48" fmla="*/ 2147483647 w 331"/>
                  <a:gd name="T49" fmla="*/ 2147483647 h 361"/>
                  <a:gd name="T50" fmla="*/ 2147483647 w 331"/>
                  <a:gd name="T51" fmla="*/ 2147483647 h 361"/>
                  <a:gd name="T52" fmla="*/ 0 w 331"/>
                  <a:gd name="T53" fmla="*/ 2147483647 h 361"/>
                  <a:gd name="T54" fmla="*/ 2147483647 w 331"/>
                  <a:gd name="T55" fmla="*/ 2147483647 h 361"/>
                  <a:gd name="T56" fmla="*/ 2147483647 w 331"/>
                  <a:gd name="T57" fmla="*/ 2147483647 h 361"/>
                  <a:gd name="T58" fmla="*/ 2147483647 w 331"/>
                  <a:gd name="T59" fmla="*/ 2147483647 h 361"/>
                  <a:gd name="T60" fmla="*/ 2147483647 w 331"/>
                  <a:gd name="T61" fmla="*/ 0 h 361"/>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w 331"/>
                  <a:gd name="T94" fmla="*/ 0 h 361"/>
                  <a:gd name="T95" fmla="*/ 331 w 331"/>
                  <a:gd name="T96" fmla="*/ 361 h 361"/>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T93" t="T94" r="T95" b="T96"/>
                <a:pathLst>
                  <a:path w="331" h="361">
                    <a:moveTo>
                      <a:pt x="165" y="0"/>
                    </a:moveTo>
                    <a:lnTo>
                      <a:pt x="226" y="16"/>
                    </a:lnTo>
                    <a:lnTo>
                      <a:pt x="252" y="32"/>
                    </a:lnTo>
                    <a:lnTo>
                      <a:pt x="243" y="72"/>
                    </a:lnTo>
                    <a:lnTo>
                      <a:pt x="243" y="96"/>
                    </a:lnTo>
                    <a:lnTo>
                      <a:pt x="330" y="104"/>
                    </a:lnTo>
                    <a:lnTo>
                      <a:pt x="304" y="144"/>
                    </a:lnTo>
                    <a:lnTo>
                      <a:pt x="252" y="200"/>
                    </a:lnTo>
                    <a:lnTo>
                      <a:pt x="217" y="240"/>
                    </a:lnTo>
                    <a:lnTo>
                      <a:pt x="243" y="248"/>
                    </a:lnTo>
                    <a:lnTo>
                      <a:pt x="269" y="264"/>
                    </a:lnTo>
                    <a:lnTo>
                      <a:pt x="252" y="280"/>
                    </a:lnTo>
                    <a:lnTo>
                      <a:pt x="208" y="288"/>
                    </a:lnTo>
                    <a:lnTo>
                      <a:pt x="191" y="272"/>
                    </a:lnTo>
                    <a:lnTo>
                      <a:pt x="156" y="296"/>
                    </a:lnTo>
                    <a:lnTo>
                      <a:pt x="191" y="336"/>
                    </a:lnTo>
                    <a:lnTo>
                      <a:pt x="182" y="360"/>
                    </a:lnTo>
                    <a:lnTo>
                      <a:pt x="148" y="352"/>
                    </a:lnTo>
                    <a:lnTo>
                      <a:pt x="148" y="328"/>
                    </a:lnTo>
                    <a:lnTo>
                      <a:pt x="96" y="304"/>
                    </a:lnTo>
                    <a:lnTo>
                      <a:pt x="104" y="264"/>
                    </a:lnTo>
                    <a:lnTo>
                      <a:pt x="113" y="192"/>
                    </a:lnTo>
                    <a:lnTo>
                      <a:pt x="104" y="176"/>
                    </a:lnTo>
                    <a:lnTo>
                      <a:pt x="52" y="168"/>
                    </a:lnTo>
                    <a:lnTo>
                      <a:pt x="69" y="144"/>
                    </a:lnTo>
                    <a:lnTo>
                      <a:pt x="52" y="128"/>
                    </a:lnTo>
                    <a:lnTo>
                      <a:pt x="0" y="120"/>
                    </a:lnTo>
                    <a:lnTo>
                      <a:pt x="9" y="96"/>
                    </a:lnTo>
                    <a:lnTo>
                      <a:pt x="78" y="88"/>
                    </a:lnTo>
                    <a:lnTo>
                      <a:pt x="139" y="24"/>
                    </a:lnTo>
                    <a:lnTo>
                      <a:pt x="165" y="0"/>
                    </a:lnTo>
                  </a:path>
                </a:pathLst>
              </a:custGeom>
              <a:solidFill>
                <a:srgbClr val="CBCBCB"/>
              </a:solidFill>
              <a:ln w="12700" cap="rnd">
                <a:solidFill>
                  <a:schemeClr val="bg1"/>
                </a:solidFill>
                <a:round/>
                <a:headEnd/>
                <a:tailEnd/>
              </a:ln>
            </p:spPr>
            <p:txBody>
              <a:bodyPr/>
              <a:lstStyle/>
              <a:p>
                <a:endParaRPr lang="de-CH" dirty="0"/>
              </a:p>
            </p:txBody>
          </p:sp>
          <p:sp>
            <p:nvSpPr>
              <p:cNvPr id="28" name="Freeform 100"/>
              <p:cNvSpPr>
                <a:spLocks/>
              </p:cNvSpPr>
              <p:nvPr/>
            </p:nvSpPr>
            <p:spPr bwMode="auto">
              <a:xfrm>
                <a:off x="793" y="2041"/>
                <a:ext cx="762" cy="496"/>
              </a:xfrm>
              <a:custGeom>
                <a:avLst/>
                <a:gdLst>
                  <a:gd name="T0" fmla="*/ 2147483647 w 582"/>
                  <a:gd name="T1" fmla="*/ 2147483647 h 377"/>
                  <a:gd name="T2" fmla="*/ 2147483647 w 582"/>
                  <a:gd name="T3" fmla="*/ 2147483647 h 377"/>
                  <a:gd name="T4" fmla="*/ 2147483647 w 582"/>
                  <a:gd name="T5" fmla="*/ 2147483647 h 377"/>
                  <a:gd name="T6" fmla="*/ 2147483647 w 582"/>
                  <a:gd name="T7" fmla="*/ 2147483647 h 377"/>
                  <a:gd name="T8" fmla="*/ 2147483647 w 582"/>
                  <a:gd name="T9" fmla="*/ 2147483647 h 377"/>
                  <a:gd name="T10" fmla="*/ 2147483647 w 582"/>
                  <a:gd name="T11" fmla="*/ 2147483647 h 377"/>
                  <a:gd name="T12" fmla="*/ 2147483647 w 582"/>
                  <a:gd name="T13" fmla="*/ 2147483647 h 377"/>
                  <a:gd name="T14" fmla="*/ 0 w 582"/>
                  <a:gd name="T15" fmla="*/ 2147483647 h 377"/>
                  <a:gd name="T16" fmla="*/ 2147483647 w 582"/>
                  <a:gd name="T17" fmla="*/ 2147483647 h 377"/>
                  <a:gd name="T18" fmla="*/ 2147483647 w 582"/>
                  <a:gd name="T19" fmla="*/ 2147483647 h 377"/>
                  <a:gd name="T20" fmla="*/ 2147483647 w 582"/>
                  <a:gd name="T21" fmla="*/ 2147483647 h 377"/>
                  <a:gd name="T22" fmla="*/ 2147483647 w 582"/>
                  <a:gd name="T23" fmla="*/ 2147483647 h 377"/>
                  <a:gd name="T24" fmla="*/ 2147483647 w 582"/>
                  <a:gd name="T25" fmla="*/ 2147483647 h 377"/>
                  <a:gd name="T26" fmla="*/ 2147483647 w 582"/>
                  <a:gd name="T27" fmla="*/ 0 h 377"/>
                  <a:gd name="T28" fmla="*/ 2147483647 w 582"/>
                  <a:gd name="T29" fmla="*/ 2147483647 h 377"/>
                  <a:gd name="T30" fmla="*/ 2147483647 w 582"/>
                  <a:gd name="T31" fmla="*/ 2147483647 h 377"/>
                  <a:gd name="T32" fmla="*/ 2147483647 w 582"/>
                  <a:gd name="T33" fmla="*/ 2147483647 h 377"/>
                  <a:gd name="T34" fmla="*/ 2147483647 w 582"/>
                  <a:gd name="T35" fmla="*/ 2147483647 h 377"/>
                  <a:gd name="T36" fmla="*/ 2147483647 w 582"/>
                  <a:gd name="T37" fmla="*/ 2147483647 h 377"/>
                  <a:gd name="T38" fmla="*/ 2147483647 w 582"/>
                  <a:gd name="T39" fmla="*/ 2147483647 h 377"/>
                  <a:gd name="T40" fmla="*/ 2147483647 w 582"/>
                  <a:gd name="T41" fmla="*/ 2147483647 h 377"/>
                  <a:gd name="T42" fmla="*/ 2147483647 w 582"/>
                  <a:gd name="T43" fmla="*/ 2147483647 h 377"/>
                  <a:gd name="T44" fmla="*/ 2147483647 w 582"/>
                  <a:gd name="T45" fmla="*/ 2147483647 h 377"/>
                  <a:gd name="T46" fmla="*/ 2147483647 w 582"/>
                  <a:gd name="T47" fmla="*/ 2147483647 h 377"/>
                  <a:gd name="T48" fmla="*/ 2147483647 w 582"/>
                  <a:gd name="T49" fmla="*/ 2147483647 h 377"/>
                  <a:gd name="T50" fmla="*/ 2147483647 w 582"/>
                  <a:gd name="T51" fmla="*/ 2147483647 h 377"/>
                  <a:gd name="T52" fmla="*/ 2147483647 w 582"/>
                  <a:gd name="T53" fmla="*/ 2147483647 h 377"/>
                  <a:gd name="T54" fmla="*/ 2147483647 w 582"/>
                  <a:gd name="T55" fmla="*/ 2147483647 h 377"/>
                  <a:gd name="T56" fmla="*/ 2147483647 w 582"/>
                  <a:gd name="T57" fmla="*/ 2147483647 h 37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582"/>
                  <a:gd name="T88" fmla="*/ 0 h 377"/>
                  <a:gd name="T89" fmla="*/ 582 w 582"/>
                  <a:gd name="T90" fmla="*/ 377 h 377"/>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582" h="377">
                    <a:moveTo>
                      <a:pt x="260" y="320"/>
                    </a:moveTo>
                    <a:lnTo>
                      <a:pt x="243" y="296"/>
                    </a:lnTo>
                    <a:lnTo>
                      <a:pt x="225" y="296"/>
                    </a:lnTo>
                    <a:lnTo>
                      <a:pt x="147" y="336"/>
                    </a:lnTo>
                    <a:lnTo>
                      <a:pt x="17" y="368"/>
                    </a:lnTo>
                    <a:lnTo>
                      <a:pt x="35" y="344"/>
                    </a:lnTo>
                    <a:lnTo>
                      <a:pt x="26" y="304"/>
                    </a:lnTo>
                    <a:lnTo>
                      <a:pt x="0" y="280"/>
                    </a:lnTo>
                    <a:lnTo>
                      <a:pt x="52" y="240"/>
                    </a:lnTo>
                    <a:lnTo>
                      <a:pt x="182" y="208"/>
                    </a:lnTo>
                    <a:lnTo>
                      <a:pt x="260" y="136"/>
                    </a:lnTo>
                    <a:lnTo>
                      <a:pt x="234" y="120"/>
                    </a:lnTo>
                    <a:lnTo>
                      <a:pt x="321" y="48"/>
                    </a:lnTo>
                    <a:lnTo>
                      <a:pt x="382" y="0"/>
                    </a:lnTo>
                    <a:lnTo>
                      <a:pt x="425" y="40"/>
                    </a:lnTo>
                    <a:lnTo>
                      <a:pt x="382" y="80"/>
                    </a:lnTo>
                    <a:lnTo>
                      <a:pt x="390" y="112"/>
                    </a:lnTo>
                    <a:lnTo>
                      <a:pt x="451" y="88"/>
                    </a:lnTo>
                    <a:lnTo>
                      <a:pt x="529" y="48"/>
                    </a:lnTo>
                    <a:lnTo>
                      <a:pt x="546" y="80"/>
                    </a:lnTo>
                    <a:lnTo>
                      <a:pt x="555" y="104"/>
                    </a:lnTo>
                    <a:lnTo>
                      <a:pt x="581" y="144"/>
                    </a:lnTo>
                    <a:lnTo>
                      <a:pt x="564" y="160"/>
                    </a:lnTo>
                    <a:lnTo>
                      <a:pt x="546" y="176"/>
                    </a:lnTo>
                    <a:lnTo>
                      <a:pt x="538" y="192"/>
                    </a:lnTo>
                    <a:lnTo>
                      <a:pt x="277" y="376"/>
                    </a:lnTo>
                    <a:lnTo>
                      <a:pt x="269" y="368"/>
                    </a:lnTo>
                    <a:lnTo>
                      <a:pt x="269" y="352"/>
                    </a:lnTo>
                    <a:lnTo>
                      <a:pt x="260" y="320"/>
                    </a:lnTo>
                  </a:path>
                </a:pathLst>
              </a:custGeom>
              <a:solidFill>
                <a:srgbClr val="CBCBCB"/>
              </a:solidFill>
              <a:ln w="12700">
                <a:solidFill>
                  <a:schemeClr val="bg1"/>
                </a:solidFill>
                <a:round/>
                <a:headEnd/>
                <a:tailEnd/>
              </a:ln>
            </p:spPr>
            <p:txBody>
              <a:bodyPr/>
              <a:lstStyle/>
              <a:p>
                <a:endParaRPr lang="de-CH" dirty="0"/>
              </a:p>
            </p:txBody>
          </p:sp>
          <p:sp>
            <p:nvSpPr>
              <p:cNvPr id="29" name="Freeform 101"/>
              <p:cNvSpPr>
                <a:spLocks/>
              </p:cNvSpPr>
              <p:nvPr/>
            </p:nvSpPr>
            <p:spPr bwMode="auto">
              <a:xfrm>
                <a:off x="2414" y="1841"/>
                <a:ext cx="671" cy="822"/>
              </a:xfrm>
              <a:custGeom>
                <a:avLst/>
                <a:gdLst>
                  <a:gd name="T0" fmla="*/ 2147483647 w 513"/>
                  <a:gd name="T1" fmla="*/ 2147483647 h 625"/>
                  <a:gd name="T2" fmla="*/ 2147483647 w 513"/>
                  <a:gd name="T3" fmla="*/ 2147483647 h 625"/>
                  <a:gd name="T4" fmla="*/ 2147483647 w 513"/>
                  <a:gd name="T5" fmla="*/ 2147483647 h 625"/>
                  <a:gd name="T6" fmla="*/ 2147483647 w 513"/>
                  <a:gd name="T7" fmla="*/ 2147483647 h 625"/>
                  <a:gd name="T8" fmla="*/ 2147483647 w 513"/>
                  <a:gd name="T9" fmla="*/ 2147483647 h 625"/>
                  <a:gd name="T10" fmla="*/ 2147483647 w 513"/>
                  <a:gd name="T11" fmla="*/ 2147483647 h 625"/>
                  <a:gd name="T12" fmla="*/ 2147483647 w 513"/>
                  <a:gd name="T13" fmla="*/ 2147483647 h 625"/>
                  <a:gd name="T14" fmla="*/ 2147483647 w 513"/>
                  <a:gd name="T15" fmla="*/ 2147483647 h 625"/>
                  <a:gd name="T16" fmla="*/ 2147483647 w 513"/>
                  <a:gd name="T17" fmla="*/ 2147483647 h 625"/>
                  <a:gd name="T18" fmla="*/ 2147483647 w 513"/>
                  <a:gd name="T19" fmla="*/ 2147483647 h 625"/>
                  <a:gd name="T20" fmla="*/ 2147483647 w 513"/>
                  <a:gd name="T21" fmla="*/ 2147483647 h 625"/>
                  <a:gd name="T22" fmla="*/ 2147483647 w 513"/>
                  <a:gd name="T23" fmla="*/ 2147483647 h 625"/>
                  <a:gd name="T24" fmla="*/ 2147483647 w 513"/>
                  <a:gd name="T25" fmla="*/ 2147483647 h 625"/>
                  <a:gd name="T26" fmla="*/ 0 w 513"/>
                  <a:gd name="T27" fmla="*/ 2147483647 h 625"/>
                  <a:gd name="T28" fmla="*/ 2147483647 w 513"/>
                  <a:gd name="T29" fmla="*/ 2147483647 h 625"/>
                  <a:gd name="T30" fmla="*/ 2147483647 w 513"/>
                  <a:gd name="T31" fmla="*/ 2147483647 h 625"/>
                  <a:gd name="T32" fmla="*/ 2147483647 w 513"/>
                  <a:gd name="T33" fmla="*/ 2147483647 h 625"/>
                  <a:gd name="T34" fmla="*/ 2147483647 w 513"/>
                  <a:gd name="T35" fmla="*/ 2147483647 h 625"/>
                  <a:gd name="T36" fmla="*/ 2147483647 w 513"/>
                  <a:gd name="T37" fmla="*/ 2147483647 h 625"/>
                  <a:gd name="T38" fmla="*/ 2147483647 w 513"/>
                  <a:gd name="T39" fmla="*/ 2147483647 h 625"/>
                  <a:gd name="T40" fmla="*/ 2147483647 w 513"/>
                  <a:gd name="T41" fmla="*/ 2147483647 h 625"/>
                  <a:gd name="T42" fmla="*/ 0 w 513"/>
                  <a:gd name="T43" fmla="*/ 2147483647 h 625"/>
                  <a:gd name="T44" fmla="*/ 0 w 513"/>
                  <a:gd name="T45" fmla="*/ 2147483647 h 625"/>
                  <a:gd name="T46" fmla="*/ 2147483647 w 513"/>
                  <a:gd name="T47" fmla="*/ 2147483647 h 625"/>
                  <a:gd name="T48" fmla="*/ 2147483647 w 513"/>
                  <a:gd name="T49" fmla="*/ 2147483647 h 625"/>
                  <a:gd name="T50" fmla="*/ 2147483647 w 513"/>
                  <a:gd name="T51" fmla="*/ 2147483647 h 625"/>
                  <a:gd name="T52" fmla="*/ 2147483647 w 513"/>
                  <a:gd name="T53" fmla="*/ 2147483647 h 625"/>
                  <a:gd name="T54" fmla="*/ 2147483647 w 513"/>
                  <a:gd name="T55" fmla="*/ 2147483647 h 625"/>
                  <a:gd name="T56" fmla="*/ 2147483647 w 513"/>
                  <a:gd name="T57" fmla="*/ 0 h 625"/>
                  <a:gd name="T58" fmla="*/ 2147483647 w 513"/>
                  <a:gd name="T59" fmla="*/ 2147483647 h 625"/>
                  <a:gd name="T60" fmla="*/ 2147483647 w 513"/>
                  <a:gd name="T61" fmla="*/ 2147483647 h 625"/>
                  <a:gd name="T62" fmla="*/ 2147483647 w 513"/>
                  <a:gd name="T63" fmla="*/ 2147483647 h 625"/>
                  <a:gd name="T64" fmla="*/ 2147483647 w 513"/>
                  <a:gd name="T65" fmla="*/ 2147483647 h 625"/>
                  <a:gd name="T66" fmla="*/ 2147483647 w 513"/>
                  <a:gd name="T67" fmla="*/ 2147483647 h 625"/>
                  <a:gd name="T68" fmla="*/ 2147483647 w 513"/>
                  <a:gd name="T69" fmla="*/ 2147483647 h 625"/>
                  <a:gd name="T70" fmla="*/ 2147483647 w 513"/>
                  <a:gd name="T71" fmla="*/ 2147483647 h 625"/>
                  <a:gd name="T72" fmla="*/ 2147483647 w 513"/>
                  <a:gd name="T73" fmla="*/ 2147483647 h 625"/>
                  <a:gd name="T74" fmla="*/ 2147483647 w 513"/>
                  <a:gd name="T75" fmla="*/ 2147483647 h 625"/>
                  <a:gd name="T76" fmla="*/ 2147483647 w 513"/>
                  <a:gd name="T77" fmla="*/ 0 h 625"/>
                  <a:gd name="T78" fmla="*/ 2147483647 w 513"/>
                  <a:gd name="T79" fmla="*/ 2147483647 h 625"/>
                  <a:gd name="T80" fmla="*/ 2147483647 w 513"/>
                  <a:gd name="T81" fmla="*/ 2147483647 h 625"/>
                  <a:gd name="T82" fmla="*/ 2147483647 w 513"/>
                  <a:gd name="T83" fmla="*/ 2147483647 h 625"/>
                  <a:gd name="T84" fmla="*/ 2147483647 w 513"/>
                  <a:gd name="T85" fmla="*/ 2147483647 h 625"/>
                  <a:gd name="T86" fmla="*/ 2147483647 w 513"/>
                  <a:gd name="T87" fmla="*/ 2147483647 h 625"/>
                  <a:gd name="T88" fmla="*/ 2147483647 w 513"/>
                  <a:gd name="T89" fmla="*/ 2147483647 h 625"/>
                  <a:gd name="T90" fmla="*/ 2147483647 w 513"/>
                  <a:gd name="T91" fmla="*/ 2147483647 h 625"/>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513"/>
                  <a:gd name="T139" fmla="*/ 0 h 625"/>
                  <a:gd name="T140" fmla="*/ 513 w 513"/>
                  <a:gd name="T141" fmla="*/ 625 h 625"/>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513" h="625">
                    <a:moveTo>
                      <a:pt x="321" y="360"/>
                    </a:moveTo>
                    <a:lnTo>
                      <a:pt x="312" y="384"/>
                    </a:lnTo>
                    <a:lnTo>
                      <a:pt x="295" y="384"/>
                    </a:lnTo>
                    <a:lnTo>
                      <a:pt x="260" y="392"/>
                    </a:lnTo>
                    <a:lnTo>
                      <a:pt x="269" y="408"/>
                    </a:lnTo>
                    <a:lnTo>
                      <a:pt x="234" y="456"/>
                    </a:lnTo>
                    <a:lnTo>
                      <a:pt x="226" y="456"/>
                    </a:lnTo>
                    <a:lnTo>
                      <a:pt x="217" y="440"/>
                    </a:lnTo>
                    <a:lnTo>
                      <a:pt x="191" y="448"/>
                    </a:lnTo>
                    <a:lnTo>
                      <a:pt x="182" y="504"/>
                    </a:lnTo>
                    <a:lnTo>
                      <a:pt x="182" y="616"/>
                    </a:lnTo>
                    <a:lnTo>
                      <a:pt x="104" y="624"/>
                    </a:lnTo>
                    <a:lnTo>
                      <a:pt x="35" y="560"/>
                    </a:lnTo>
                    <a:lnTo>
                      <a:pt x="0" y="496"/>
                    </a:lnTo>
                    <a:lnTo>
                      <a:pt x="17" y="448"/>
                    </a:lnTo>
                    <a:lnTo>
                      <a:pt x="52" y="440"/>
                    </a:lnTo>
                    <a:lnTo>
                      <a:pt x="87" y="368"/>
                    </a:lnTo>
                    <a:lnTo>
                      <a:pt x="52" y="360"/>
                    </a:lnTo>
                    <a:lnTo>
                      <a:pt x="9" y="296"/>
                    </a:lnTo>
                    <a:lnTo>
                      <a:pt x="35" y="240"/>
                    </a:lnTo>
                    <a:lnTo>
                      <a:pt x="43" y="192"/>
                    </a:lnTo>
                    <a:lnTo>
                      <a:pt x="0" y="128"/>
                    </a:lnTo>
                    <a:lnTo>
                      <a:pt x="0" y="104"/>
                    </a:lnTo>
                    <a:lnTo>
                      <a:pt x="43" y="88"/>
                    </a:lnTo>
                    <a:lnTo>
                      <a:pt x="87" y="48"/>
                    </a:lnTo>
                    <a:lnTo>
                      <a:pt x="69" y="32"/>
                    </a:lnTo>
                    <a:lnTo>
                      <a:pt x="87" y="8"/>
                    </a:lnTo>
                    <a:lnTo>
                      <a:pt x="104" y="16"/>
                    </a:lnTo>
                    <a:lnTo>
                      <a:pt x="121" y="0"/>
                    </a:lnTo>
                    <a:lnTo>
                      <a:pt x="139" y="24"/>
                    </a:lnTo>
                    <a:lnTo>
                      <a:pt x="148" y="64"/>
                    </a:lnTo>
                    <a:lnTo>
                      <a:pt x="191" y="24"/>
                    </a:lnTo>
                    <a:lnTo>
                      <a:pt x="208" y="32"/>
                    </a:lnTo>
                    <a:lnTo>
                      <a:pt x="226" y="56"/>
                    </a:lnTo>
                    <a:lnTo>
                      <a:pt x="252" y="48"/>
                    </a:lnTo>
                    <a:lnTo>
                      <a:pt x="278" y="48"/>
                    </a:lnTo>
                    <a:lnTo>
                      <a:pt x="295" y="56"/>
                    </a:lnTo>
                    <a:lnTo>
                      <a:pt x="321" y="8"/>
                    </a:lnTo>
                    <a:lnTo>
                      <a:pt x="373" y="0"/>
                    </a:lnTo>
                    <a:lnTo>
                      <a:pt x="425" y="152"/>
                    </a:lnTo>
                    <a:lnTo>
                      <a:pt x="486" y="176"/>
                    </a:lnTo>
                    <a:lnTo>
                      <a:pt x="512" y="208"/>
                    </a:lnTo>
                    <a:lnTo>
                      <a:pt x="460" y="240"/>
                    </a:lnTo>
                    <a:lnTo>
                      <a:pt x="477" y="264"/>
                    </a:lnTo>
                    <a:lnTo>
                      <a:pt x="391" y="352"/>
                    </a:lnTo>
                    <a:lnTo>
                      <a:pt x="321" y="360"/>
                    </a:lnTo>
                  </a:path>
                </a:pathLst>
              </a:custGeom>
              <a:solidFill>
                <a:srgbClr val="CBCBCB"/>
              </a:solidFill>
              <a:ln w="12700" cap="rnd">
                <a:solidFill>
                  <a:schemeClr val="bg1"/>
                </a:solidFill>
                <a:round/>
                <a:headEnd/>
                <a:tailEnd/>
              </a:ln>
            </p:spPr>
            <p:txBody>
              <a:bodyPr/>
              <a:lstStyle/>
              <a:p>
                <a:endParaRPr lang="de-CH" dirty="0"/>
              </a:p>
            </p:txBody>
          </p:sp>
          <p:sp>
            <p:nvSpPr>
              <p:cNvPr id="30" name="Freeform 102"/>
              <p:cNvSpPr>
                <a:spLocks/>
              </p:cNvSpPr>
              <p:nvPr/>
            </p:nvSpPr>
            <p:spPr bwMode="auto">
              <a:xfrm>
                <a:off x="1292" y="1514"/>
                <a:ext cx="783" cy="539"/>
              </a:xfrm>
              <a:custGeom>
                <a:avLst/>
                <a:gdLst>
                  <a:gd name="T0" fmla="*/ 2147483647 w 599"/>
                  <a:gd name="T1" fmla="*/ 2147483647 h 409"/>
                  <a:gd name="T2" fmla="*/ 2147483647 w 599"/>
                  <a:gd name="T3" fmla="*/ 2147483647 h 409"/>
                  <a:gd name="T4" fmla="*/ 2147483647 w 599"/>
                  <a:gd name="T5" fmla="*/ 2147483647 h 409"/>
                  <a:gd name="T6" fmla="*/ 2147483647 w 599"/>
                  <a:gd name="T7" fmla="*/ 2147483647 h 409"/>
                  <a:gd name="T8" fmla="*/ 2147483647 w 599"/>
                  <a:gd name="T9" fmla="*/ 2147483647 h 409"/>
                  <a:gd name="T10" fmla="*/ 2147483647 w 599"/>
                  <a:gd name="T11" fmla="*/ 2147483647 h 409"/>
                  <a:gd name="T12" fmla="*/ 2147483647 w 599"/>
                  <a:gd name="T13" fmla="*/ 0 h 409"/>
                  <a:gd name="T14" fmla="*/ 2147483647 w 599"/>
                  <a:gd name="T15" fmla="*/ 2147483647 h 409"/>
                  <a:gd name="T16" fmla="*/ 2147483647 w 599"/>
                  <a:gd name="T17" fmla="*/ 2147483647 h 409"/>
                  <a:gd name="T18" fmla="*/ 0 w 599"/>
                  <a:gd name="T19" fmla="*/ 2147483647 h 409"/>
                  <a:gd name="T20" fmla="*/ 2147483647 w 599"/>
                  <a:gd name="T21" fmla="*/ 2147483647 h 409"/>
                  <a:gd name="T22" fmla="*/ 2147483647 w 599"/>
                  <a:gd name="T23" fmla="*/ 2147483647 h 409"/>
                  <a:gd name="T24" fmla="*/ 2147483647 w 599"/>
                  <a:gd name="T25" fmla="*/ 2147483647 h 409"/>
                  <a:gd name="T26" fmla="*/ 2147483647 w 599"/>
                  <a:gd name="T27" fmla="*/ 2147483647 h 409"/>
                  <a:gd name="T28" fmla="*/ 2147483647 w 599"/>
                  <a:gd name="T29" fmla="*/ 2147483647 h 409"/>
                  <a:gd name="T30" fmla="*/ 2147483647 w 599"/>
                  <a:gd name="T31" fmla="*/ 2147483647 h 409"/>
                  <a:gd name="T32" fmla="*/ 2147483647 w 599"/>
                  <a:gd name="T33" fmla="*/ 2147483647 h 409"/>
                  <a:gd name="T34" fmla="*/ 2147483647 w 599"/>
                  <a:gd name="T35" fmla="*/ 2147483647 h 409"/>
                  <a:gd name="T36" fmla="*/ 2147483647 w 599"/>
                  <a:gd name="T37" fmla="*/ 2147483647 h 409"/>
                  <a:gd name="T38" fmla="*/ 2147483647 w 599"/>
                  <a:gd name="T39" fmla="*/ 2147483647 h 409"/>
                  <a:gd name="T40" fmla="*/ 2147483647 w 599"/>
                  <a:gd name="T41" fmla="*/ 2147483647 h 409"/>
                  <a:gd name="T42" fmla="*/ 2147483647 w 599"/>
                  <a:gd name="T43" fmla="*/ 2147483647 h 409"/>
                  <a:gd name="T44" fmla="*/ 2147483647 w 599"/>
                  <a:gd name="T45" fmla="*/ 2147483647 h 409"/>
                  <a:gd name="T46" fmla="*/ 2147483647 w 599"/>
                  <a:gd name="T47" fmla="*/ 2147483647 h 409"/>
                  <a:gd name="T48" fmla="*/ 2147483647 w 599"/>
                  <a:gd name="T49" fmla="*/ 2147483647 h 409"/>
                  <a:gd name="T50" fmla="*/ 2147483647 w 599"/>
                  <a:gd name="T51" fmla="*/ 2147483647 h 409"/>
                  <a:gd name="T52" fmla="*/ 2147483647 w 599"/>
                  <a:gd name="T53" fmla="*/ 2147483647 h 409"/>
                  <a:gd name="T54" fmla="*/ 2147483647 w 599"/>
                  <a:gd name="T55" fmla="*/ 2147483647 h 409"/>
                  <a:gd name="T56" fmla="*/ 2147483647 w 599"/>
                  <a:gd name="T57" fmla="*/ 2147483647 h 409"/>
                  <a:gd name="T58" fmla="*/ 2147483647 w 599"/>
                  <a:gd name="T59" fmla="*/ 2147483647 h 409"/>
                  <a:gd name="T60" fmla="*/ 2147483647 w 599"/>
                  <a:gd name="T61" fmla="*/ 2147483647 h 409"/>
                  <a:gd name="T62" fmla="*/ 2147483647 w 599"/>
                  <a:gd name="T63" fmla="*/ 2147483647 h 409"/>
                  <a:gd name="T64" fmla="*/ 2147483647 w 599"/>
                  <a:gd name="T65" fmla="*/ 2147483647 h 409"/>
                  <a:gd name="T66" fmla="*/ 2147483647 w 599"/>
                  <a:gd name="T67" fmla="*/ 2147483647 h 409"/>
                  <a:gd name="T68" fmla="*/ 2147483647 w 599"/>
                  <a:gd name="T69" fmla="*/ 2147483647 h 409"/>
                  <a:gd name="T70" fmla="*/ 2147483647 w 599"/>
                  <a:gd name="T71" fmla="*/ 2147483647 h 409"/>
                  <a:gd name="T72" fmla="*/ 2147483647 w 599"/>
                  <a:gd name="T73" fmla="*/ 2147483647 h 409"/>
                  <a:gd name="T74" fmla="*/ 2147483647 w 599"/>
                  <a:gd name="T75" fmla="*/ 2147483647 h 409"/>
                  <a:gd name="T76" fmla="*/ 2147483647 w 599"/>
                  <a:gd name="T77" fmla="*/ 2147483647 h 409"/>
                  <a:gd name="T78" fmla="*/ 2147483647 w 599"/>
                  <a:gd name="T79" fmla="*/ 2147483647 h 409"/>
                  <a:gd name="T80" fmla="*/ 2147483647 w 599"/>
                  <a:gd name="T81" fmla="*/ 2147483647 h 409"/>
                  <a:gd name="T82" fmla="*/ 2147483647 w 599"/>
                  <a:gd name="T83" fmla="*/ 2147483647 h 4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599"/>
                  <a:gd name="T127" fmla="*/ 0 h 409"/>
                  <a:gd name="T128" fmla="*/ 599 w 599"/>
                  <a:gd name="T129" fmla="*/ 409 h 409"/>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599" h="409">
                    <a:moveTo>
                      <a:pt x="399" y="104"/>
                    </a:moveTo>
                    <a:lnTo>
                      <a:pt x="347" y="104"/>
                    </a:lnTo>
                    <a:lnTo>
                      <a:pt x="277" y="56"/>
                    </a:lnTo>
                    <a:lnTo>
                      <a:pt x="303" y="16"/>
                    </a:lnTo>
                    <a:lnTo>
                      <a:pt x="243" y="8"/>
                    </a:lnTo>
                    <a:lnTo>
                      <a:pt x="182" y="8"/>
                    </a:lnTo>
                    <a:lnTo>
                      <a:pt x="147" y="0"/>
                    </a:lnTo>
                    <a:lnTo>
                      <a:pt x="113" y="32"/>
                    </a:lnTo>
                    <a:lnTo>
                      <a:pt x="130" y="48"/>
                    </a:lnTo>
                    <a:lnTo>
                      <a:pt x="0" y="160"/>
                    </a:lnTo>
                    <a:lnTo>
                      <a:pt x="26" y="192"/>
                    </a:lnTo>
                    <a:lnTo>
                      <a:pt x="78" y="184"/>
                    </a:lnTo>
                    <a:lnTo>
                      <a:pt x="121" y="160"/>
                    </a:lnTo>
                    <a:lnTo>
                      <a:pt x="156" y="176"/>
                    </a:lnTo>
                    <a:lnTo>
                      <a:pt x="165" y="208"/>
                    </a:lnTo>
                    <a:lnTo>
                      <a:pt x="104" y="240"/>
                    </a:lnTo>
                    <a:lnTo>
                      <a:pt x="69" y="272"/>
                    </a:lnTo>
                    <a:lnTo>
                      <a:pt x="78" y="320"/>
                    </a:lnTo>
                    <a:lnTo>
                      <a:pt x="9" y="400"/>
                    </a:lnTo>
                    <a:lnTo>
                      <a:pt x="35" y="408"/>
                    </a:lnTo>
                    <a:lnTo>
                      <a:pt x="61" y="400"/>
                    </a:lnTo>
                    <a:lnTo>
                      <a:pt x="78" y="400"/>
                    </a:lnTo>
                    <a:lnTo>
                      <a:pt x="173" y="368"/>
                    </a:lnTo>
                    <a:lnTo>
                      <a:pt x="191" y="320"/>
                    </a:lnTo>
                    <a:lnTo>
                      <a:pt x="208" y="304"/>
                    </a:lnTo>
                    <a:lnTo>
                      <a:pt x="243" y="312"/>
                    </a:lnTo>
                    <a:lnTo>
                      <a:pt x="295" y="320"/>
                    </a:lnTo>
                    <a:lnTo>
                      <a:pt x="364" y="232"/>
                    </a:lnTo>
                    <a:lnTo>
                      <a:pt x="433" y="240"/>
                    </a:lnTo>
                    <a:lnTo>
                      <a:pt x="520" y="240"/>
                    </a:lnTo>
                    <a:lnTo>
                      <a:pt x="581" y="240"/>
                    </a:lnTo>
                    <a:lnTo>
                      <a:pt x="598" y="232"/>
                    </a:lnTo>
                    <a:lnTo>
                      <a:pt x="598" y="224"/>
                    </a:lnTo>
                    <a:lnTo>
                      <a:pt x="563" y="224"/>
                    </a:lnTo>
                    <a:lnTo>
                      <a:pt x="537" y="208"/>
                    </a:lnTo>
                    <a:lnTo>
                      <a:pt x="563" y="192"/>
                    </a:lnTo>
                    <a:lnTo>
                      <a:pt x="537" y="192"/>
                    </a:lnTo>
                    <a:lnTo>
                      <a:pt x="511" y="152"/>
                    </a:lnTo>
                    <a:lnTo>
                      <a:pt x="485" y="160"/>
                    </a:lnTo>
                    <a:lnTo>
                      <a:pt x="477" y="128"/>
                    </a:lnTo>
                    <a:lnTo>
                      <a:pt x="451" y="104"/>
                    </a:lnTo>
                    <a:lnTo>
                      <a:pt x="399" y="104"/>
                    </a:lnTo>
                  </a:path>
                </a:pathLst>
              </a:custGeom>
              <a:solidFill>
                <a:srgbClr val="CBCBCB"/>
              </a:solidFill>
              <a:ln w="12700">
                <a:solidFill>
                  <a:schemeClr val="bg1"/>
                </a:solidFill>
                <a:round/>
                <a:headEnd/>
                <a:tailEnd/>
              </a:ln>
            </p:spPr>
            <p:txBody>
              <a:bodyPr/>
              <a:lstStyle/>
              <a:p>
                <a:endParaRPr lang="de-CH" dirty="0"/>
              </a:p>
            </p:txBody>
          </p:sp>
          <p:sp>
            <p:nvSpPr>
              <p:cNvPr id="31" name="Freeform 103"/>
              <p:cNvSpPr>
                <a:spLocks/>
              </p:cNvSpPr>
              <p:nvPr/>
            </p:nvSpPr>
            <p:spPr bwMode="auto">
              <a:xfrm>
                <a:off x="3332" y="2188"/>
                <a:ext cx="2088" cy="1391"/>
              </a:xfrm>
              <a:custGeom>
                <a:avLst/>
                <a:gdLst>
                  <a:gd name="T0" fmla="*/ 2147483647 w 1596"/>
                  <a:gd name="T1" fmla="*/ 2147483647 h 1057"/>
                  <a:gd name="T2" fmla="*/ 2147483647 w 1596"/>
                  <a:gd name="T3" fmla="*/ 2147483647 h 1057"/>
                  <a:gd name="T4" fmla="*/ 2147483647 w 1596"/>
                  <a:gd name="T5" fmla="*/ 2147483647 h 1057"/>
                  <a:gd name="T6" fmla="*/ 2147483647 w 1596"/>
                  <a:gd name="T7" fmla="*/ 2147483647 h 1057"/>
                  <a:gd name="T8" fmla="*/ 2147483647 w 1596"/>
                  <a:gd name="T9" fmla="*/ 2147483647 h 1057"/>
                  <a:gd name="T10" fmla="*/ 2147483647 w 1596"/>
                  <a:gd name="T11" fmla="*/ 2147483647 h 1057"/>
                  <a:gd name="T12" fmla="*/ 2147483647 w 1596"/>
                  <a:gd name="T13" fmla="*/ 2147483647 h 1057"/>
                  <a:gd name="T14" fmla="*/ 2147483647 w 1596"/>
                  <a:gd name="T15" fmla="*/ 2147483647 h 1057"/>
                  <a:gd name="T16" fmla="*/ 2147483647 w 1596"/>
                  <a:gd name="T17" fmla="*/ 2147483647 h 1057"/>
                  <a:gd name="T18" fmla="*/ 2147483647 w 1596"/>
                  <a:gd name="T19" fmla="*/ 2147483647 h 1057"/>
                  <a:gd name="T20" fmla="*/ 2147483647 w 1596"/>
                  <a:gd name="T21" fmla="*/ 2147483647 h 1057"/>
                  <a:gd name="T22" fmla="*/ 2147483647 w 1596"/>
                  <a:gd name="T23" fmla="*/ 2147483647 h 1057"/>
                  <a:gd name="T24" fmla="*/ 2147483647 w 1596"/>
                  <a:gd name="T25" fmla="*/ 2147483647 h 1057"/>
                  <a:gd name="T26" fmla="*/ 2147483647 w 1596"/>
                  <a:gd name="T27" fmla="*/ 2147483647 h 1057"/>
                  <a:gd name="T28" fmla="*/ 2147483647 w 1596"/>
                  <a:gd name="T29" fmla="*/ 2147483647 h 1057"/>
                  <a:gd name="T30" fmla="*/ 2147483647 w 1596"/>
                  <a:gd name="T31" fmla="*/ 2147483647 h 1057"/>
                  <a:gd name="T32" fmla="*/ 2147483647 w 1596"/>
                  <a:gd name="T33" fmla="*/ 2147483647 h 1057"/>
                  <a:gd name="T34" fmla="*/ 2147483647 w 1596"/>
                  <a:gd name="T35" fmla="*/ 2147483647 h 1057"/>
                  <a:gd name="T36" fmla="*/ 2147483647 w 1596"/>
                  <a:gd name="T37" fmla="*/ 2147483647 h 1057"/>
                  <a:gd name="T38" fmla="*/ 2147483647 w 1596"/>
                  <a:gd name="T39" fmla="*/ 2147483647 h 1057"/>
                  <a:gd name="T40" fmla="*/ 2147483647 w 1596"/>
                  <a:gd name="T41" fmla="*/ 2147483647 h 1057"/>
                  <a:gd name="T42" fmla="*/ 2147483647 w 1596"/>
                  <a:gd name="T43" fmla="*/ 2147483647 h 1057"/>
                  <a:gd name="T44" fmla="*/ 2147483647 w 1596"/>
                  <a:gd name="T45" fmla="*/ 2147483647 h 1057"/>
                  <a:gd name="T46" fmla="*/ 2147483647 w 1596"/>
                  <a:gd name="T47" fmla="*/ 2147483647 h 1057"/>
                  <a:gd name="T48" fmla="*/ 2147483647 w 1596"/>
                  <a:gd name="T49" fmla="*/ 2147483647 h 1057"/>
                  <a:gd name="T50" fmla="*/ 2147483647 w 1596"/>
                  <a:gd name="T51" fmla="*/ 0 h 1057"/>
                  <a:gd name="T52" fmla="*/ 2147483647 w 1596"/>
                  <a:gd name="T53" fmla="*/ 2147483647 h 1057"/>
                  <a:gd name="T54" fmla="*/ 2147483647 w 1596"/>
                  <a:gd name="T55" fmla="*/ 2147483647 h 1057"/>
                  <a:gd name="T56" fmla="*/ 2147483647 w 1596"/>
                  <a:gd name="T57" fmla="*/ 2147483647 h 1057"/>
                  <a:gd name="T58" fmla="*/ 2147483647 w 1596"/>
                  <a:gd name="T59" fmla="*/ 2147483647 h 1057"/>
                  <a:gd name="T60" fmla="*/ 2147483647 w 1596"/>
                  <a:gd name="T61" fmla="*/ 2147483647 h 1057"/>
                  <a:gd name="T62" fmla="*/ 2147483647 w 1596"/>
                  <a:gd name="T63" fmla="*/ 2147483647 h 1057"/>
                  <a:gd name="T64" fmla="*/ 2147483647 w 1596"/>
                  <a:gd name="T65" fmla="*/ 2147483647 h 1057"/>
                  <a:gd name="T66" fmla="*/ 2147483647 w 1596"/>
                  <a:gd name="T67" fmla="*/ 2147483647 h 1057"/>
                  <a:gd name="T68" fmla="*/ 2147483647 w 1596"/>
                  <a:gd name="T69" fmla="*/ 2147483647 h 1057"/>
                  <a:gd name="T70" fmla="*/ 2147483647 w 1596"/>
                  <a:gd name="T71" fmla="*/ 2147483647 h 1057"/>
                  <a:gd name="T72" fmla="*/ 2147483647 w 1596"/>
                  <a:gd name="T73" fmla="*/ 2147483647 h 1057"/>
                  <a:gd name="T74" fmla="*/ 2147483647 w 1596"/>
                  <a:gd name="T75" fmla="*/ 2147483647 h 1057"/>
                  <a:gd name="T76" fmla="*/ 2147483647 w 1596"/>
                  <a:gd name="T77" fmla="*/ 2147483647 h 1057"/>
                  <a:gd name="T78" fmla="*/ 2147483647 w 1596"/>
                  <a:gd name="T79" fmla="*/ 2147483647 h 1057"/>
                  <a:gd name="T80" fmla="*/ 2147483647 w 1596"/>
                  <a:gd name="T81" fmla="*/ 2147483647 h 1057"/>
                  <a:gd name="T82" fmla="*/ 2147483647 w 1596"/>
                  <a:gd name="T83" fmla="*/ 2147483647 h 1057"/>
                  <a:gd name="T84" fmla="*/ 2147483647 w 1596"/>
                  <a:gd name="T85" fmla="*/ 2147483647 h 1057"/>
                  <a:gd name="T86" fmla="*/ 2147483647 w 1596"/>
                  <a:gd name="T87" fmla="*/ 2147483647 h 1057"/>
                  <a:gd name="T88" fmla="*/ 2147483647 w 1596"/>
                  <a:gd name="T89" fmla="*/ 2147483647 h 1057"/>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1596"/>
                  <a:gd name="T136" fmla="*/ 0 h 1057"/>
                  <a:gd name="T137" fmla="*/ 1596 w 1596"/>
                  <a:gd name="T138" fmla="*/ 1057 h 1057"/>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1596" h="1057">
                    <a:moveTo>
                      <a:pt x="520" y="984"/>
                    </a:moveTo>
                    <a:lnTo>
                      <a:pt x="572" y="840"/>
                    </a:lnTo>
                    <a:lnTo>
                      <a:pt x="546" y="736"/>
                    </a:lnTo>
                    <a:lnTo>
                      <a:pt x="537" y="680"/>
                    </a:lnTo>
                    <a:lnTo>
                      <a:pt x="555" y="656"/>
                    </a:lnTo>
                    <a:lnTo>
                      <a:pt x="641" y="696"/>
                    </a:lnTo>
                    <a:lnTo>
                      <a:pt x="667" y="640"/>
                    </a:lnTo>
                    <a:lnTo>
                      <a:pt x="719" y="648"/>
                    </a:lnTo>
                    <a:lnTo>
                      <a:pt x="711" y="808"/>
                    </a:lnTo>
                    <a:lnTo>
                      <a:pt x="806" y="888"/>
                    </a:lnTo>
                    <a:lnTo>
                      <a:pt x="867" y="896"/>
                    </a:lnTo>
                    <a:lnTo>
                      <a:pt x="936" y="888"/>
                    </a:lnTo>
                    <a:lnTo>
                      <a:pt x="945" y="840"/>
                    </a:lnTo>
                    <a:lnTo>
                      <a:pt x="962" y="824"/>
                    </a:lnTo>
                    <a:lnTo>
                      <a:pt x="997" y="848"/>
                    </a:lnTo>
                    <a:lnTo>
                      <a:pt x="1092" y="808"/>
                    </a:lnTo>
                    <a:lnTo>
                      <a:pt x="1136" y="800"/>
                    </a:lnTo>
                    <a:lnTo>
                      <a:pt x="1266" y="968"/>
                    </a:lnTo>
                    <a:lnTo>
                      <a:pt x="1361" y="920"/>
                    </a:lnTo>
                    <a:lnTo>
                      <a:pt x="1274" y="824"/>
                    </a:lnTo>
                    <a:lnTo>
                      <a:pt x="1300" y="784"/>
                    </a:lnTo>
                    <a:lnTo>
                      <a:pt x="1318" y="776"/>
                    </a:lnTo>
                    <a:lnTo>
                      <a:pt x="1361" y="728"/>
                    </a:lnTo>
                    <a:lnTo>
                      <a:pt x="1214" y="704"/>
                    </a:lnTo>
                    <a:lnTo>
                      <a:pt x="1214" y="584"/>
                    </a:lnTo>
                    <a:lnTo>
                      <a:pt x="1266" y="512"/>
                    </a:lnTo>
                    <a:lnTo>
                      <a:pt x="1361" y="480"/>
                    </a:lnTo>
                    <a:lnTo>
                      <a:pt x="1396" y="488"/>
                    </a:lnTo>
                    <a:lnTo>
                      <a:pt x="1387" y="512"/>
                    </a:lnTo>
                    <a:lnTo>
                      <a:pt x="1396" y="552"/>
                    </a:lnTo>
                    <a:lnTo>
                      <a:pt x="1586" y="592"/>
                    </a:lnTo>
                    <a:lnTo>
                      <a:pt x="1595" y="528"/>
                    </a:lnTo>
                    <a:lnTo>
                      <a:pt x="1595" y="496"/>
                    </a:lnTo>
                    <a:lnTo>
                      <a:pt x="1543" y="464"/>
                    </a:lnTo>
                    <a:lnTo>
                      <a:pt x="1500" y="432"/>
                    </a:lnTo>
                    <a:lnTo>
                      <a:pt x="1534" y="312"/>
                    </a:lnTo>
                    <a:lnTo>
                      <a:pt x="1578" y="184"/>
                    </a:lnTo>
                    <a:lnTo>
                      <a:pt x="1595" y="120"/>
                    </a:lnTo>
                    <a:lnTo>
                      <a:pt x="1552" y="80"/>
                    </a:lnTo>
                    <a:lnTo>
                      <a:pt x="1482" y="56"/>
                    </a:lnTo>
                    <a:lnTo>
                      <a:pt x="1439" y="112"/>
                    </a:lnTo>
                    <a:lnTo>
                      <a:pt x="1413" y="144"/>
                    </a:lnTo>
                    <a:lnTo>
                      <a:pt x="1378" y="136"/>
                    </a:lnTo>
                    <a:lnTo>
                      <a:pt x="1370" y="144"/>
                    </a:lnTo>
                    <a:lnTo>
                      <a:pt x="1370" y="192"/>
                    </a:lnTo>
                    <a:lnTo>
                      <a:pt x="1266" y="240"/>
                    </a:lnTo>
                    <a:lnTo>
                      <a:pt x="1170" y="184"/>
                    </a:lnTo>
                    <a:lnTo>
                      <a:pt x="1049" y="144"/>
                    </a:lnTo>
                    <a:lnTo>
                      <a:pt x="1049" y="96"/>
                    </a:lnTo>
                    <a:lnTo>
                      <a:pt x="1075" y="64"/>
                    </a:lnTo>
                    <a:lnTo>
                      <a:pt x="971" y="24"/>
                    </a:lnTo>
                    <a:lnTo>
                      <a:pt x="884" y="0"/>
                    </a:lnTo>
                    <a:lnTo>
                      <a:pt x="806" y="8"/>
                    </a:lnTo>
                    <a:lnTo>
                      <a:pt x="719" y="16"/>
                    </a:lnTo>
                    <a:lnTo>
                      <a:pt x="754" y="88"/>
                    </a:lnTo>
                    <a:lnTo>
                      <a:pt x="719" y="152"/>
                    </a:lnTo>
                    <a:lnTo>
                      <a:pt x="693" y="224"/>
                    </a:lnTo>
                    <a:lnTo>
                      <a:pt x="511" y="176"/>
                    </a:lnTo>
                    <a:lnTo>
                      <a:pt x="416" y="248"/>
                    </a:lnTo>
                    <a:lnTo>
                      <a:pt x="381" y="224"/>
                    </a:lnTo>
                    <a:lnTo>
                      <a:pt x="347" y="232"/>
                    </a:lnTo>
                    <a:lnTo>
                      <a:pt x="312" y="304"/>
                    </a:lnTo>
                    <a:lnTo>
                      <a:pt x="243" y="320"/>
                    </a:lnTo>
                    <a:lnTo>
                      <a:pt x="208" y="320"/>
                    </a:lnTo>
                    <a:lnTo>
                      <a:pt x="199" y="288"/>
                    </a:lnTo>
                    <a:lnTo>
                      <a:pt x="147" y="328"/>
                    </a:lnTo>
                    <a:lnTo>
                      <a:pt x="147" y="368"/>
                    </a:lnTo>
                    <a:lnTo>
                      <a:pt x="113" y="400"/>
                    </a:lnTo>
                    <a:lnTo>
                      <a:pt x="78" y="392"/>
                    </a:lnTo>
                    <a:lnTo>
                      <a:pt x="17" y="448"/>
                    </a:lnTo>
                    <a:lnTo>
                      <a:pt x="0" y="512"/>
                    </a:lnTo>
                    <a:lnTo>
                      <a:pt x="35" y="576"/>
                    </a:lnTo>
                    <a:lnTo>
                      <a:pt x="173" y="600"/>
                    </a:lnTo>
                    <a:lnTo>
                      <a:pt x="217" y="568"/>
                    </a:lnTo>
                    <a:lnTo>
                      <a:pt x="217" y="528"/>
                    </a:lnTo>
                    <a:lnTo>
                      <a:pt x="260" y="512"/>
                    </a:lnTo>
                    <a:lnTo>
                      <a:pt x="286" y="528"/>
                    </a:lnTo>
                    <a:lnTo>
                      <a:pt x="260" y="552"/>
                    </a:lnTo>
                    <a:lnTo>
                      <a:pt x="295" y="544"/>
                    </a:lnTo>
                    <a:lnTo>
                      <a:pt x="338" y="544"/>
                    </a:lnTo>
                    <a:lnTo>
                      <a:pt x="347" y="568"/>
                    </a:lnTo>
                    <a:lnTo>
                      <a:pt x="321" y="640"/>
                    </a:lnTo>
                    <a:lnTo>
                      <a:pt x="355" y="696"/>
                    </a:lnTo>
                    <a:lnTo>
                      <a:pt x="390" y="696"/>
                    </a:lnTo>
                    <a:lnTo>
                      <a:pt x="399" y="776"/>
                    </a:lnTo>
                    <a:lnTo>
                      <a:pt x="390" y="848"/>
                    </a:lnTo>
                    <a:lnTo>
                      <a:pt x="355" y="880"/>
                    </a:lnTo>
                    <a:lnTo>
                      <a:pt x="381" y="1000"/>
                    </a:lnTo>
                    <a:lnTo>
                      <a:pt x="451" y="1056"/>
                    </a:lnTo>
                    <a:lnTo>
                      <a:pt x="520" y="984"/>
                    </a:lnTo>
                  </a:path>
                </a:pathLst>
              </a:custGeom>
              <a:solidFill>
                <a:srgbClr val="CBCBCB"/>
              </a:solidFill>
              <a:ln w="12700" cap="rnd">
                <a:solidFill>
                  <a:schemeClr val="bg1"/>
                </a:solidFill>
                <a:round/>
                <a:headEnd/>
                <a:tailEnd/>
              </a:ln>
            </p:spPr>
            <p:txBody>
              <a:bodyPr/>
              <a:lstStyle/>
              <a:p>
                <a:endParaRPr lang="de-CH" dirty="0"/>
              </a:p>
            </p:txBody>
          </p:sp>
          <p:sp>
            <p:nvSpPr>
              <p:cNvPr id="32" name="Freeform 104"/>
              <p:cNvSpPr>
                <a:spLocks/>
              </p:cNvSpPr>
              <p:nvPr/>
            </p:nvSpPr>
            <p:spPr bwMode="auto">
              <a:xfrm>
                <a:off x="3570" y="2030"/>
                <a:ext cx="433" cy="581"/>
              </a:xfrm>
              <a:custGeom>
                <a:avLst/>
                <a:gdLst>
                  <a:gd name="T0" fmla="*/ 2147483647 w 331"/>
                  <a:gd name="T1" fmla="*/ 2147483647 h 441"/>
                  <a:gd name="T2" fmla="*/ 2147483647 w 331"/>
                  <a:gd name="T3" fmla="*/ 2147483647 h 441"/>
                  <a:gd name="T4" fmla="*/ 2147483647 w 331"/>
                  <a:gd name="T5" fmla="*/ 2147483647 h 441"/>
                  <a:gd name="T6" fmla="*/ 2147483647 w 331"/>
                  <a:gd name="T7" fmla="*/ 2147483647 h 441"/>
                  <a:gd name="T8" fmla="*/ 2147483647 w 331"/>
                  <a:gd name="T9" fmla="*/ 2147483647 h 441"/>
                  <a:gd name="T10" fmla="*/ 2147483647 w 331"/>
                  <a:gd name="T11" fmla="*/ 2147483647 h 441"/>
                  <a:gd name="T12" fmla="*/ 2147483647 w 331"/>
                  <a:gd name="T13" fmla="*/ 2147483647 h 441"/>
                  <a:gd name="T14" fmla="*/ 0 w 331"/>
                  <a:gd name="T15" fmla="*/ 2147483647 h 441"/>
                  <a:gd name="T16" fmla="*/ 2147483647 w 331"/>
                  <a:gd name="T17" fmla="*/ 2147483647 h 441"/>
                  <a:gd name="T18" fmla="*/ 2147483647 w 331"/>
                  <a:gd name="T19" fmla="*/ 2147483647 h 441"/>
                  <a:gd name="T20" fmla="*/ 2147483647 w 331"/>
                  <a:gd name="T21" fmla="*/ 2147483647 h 441"/>
                  <a:gd name="T22" fmla="*/ 2147483647 w 331"/>
                  <a:gd name="T23" fmla="*/ 2147483647 h 441"/>
                  <a:gd name="T24" fmla="*/ 2147483647 w 331"/>
                  <a:gd name="T25" fmla="*/ 2147483647 h 441"/>
                  <a:gd name="T26" fmla="*/ 2147483647 w 331"/>
                  <a:gd name="T27" fmla="*/ 2147483647 h 441"/>
                  <a:gd name="T28" fmla="*/ 2147483647 w 331"/>
                  <a:gd name="T29" fmla="*/ 2147483647 h 441"/>
                  <a:gd name="T30" fmla="*/ 2147483647 w 331"/>
                  <a:gd name="T31" fmla="*/ 0 h 441"/>
                  <a:gd name="T32" fmla="*/ 2147483647 w 331"/>
                  <a:gd name="T33" fmla="*/ 2147483647 h 441"/>
                  <a:gd name="T34" fmla="*/ 2147483647 w 331"/>
                  <a:gd name="T35" fmla="*/ 2147483647 h 441"/>
                  <a:gd name="T36" fmla="*/ 2147483647 w 331"/>
                  <a:gd name="T37" fmla="*/ 2147483647 h 441"/>
                  <a:gd name="T38" fmla="*/ 2147483647 w 331"/>
                  <a:gd name="T39" fmla="*/ 2147483647 h 441"/>
                  <a:gd name="T40" fmla="*/ 2147483647 w 331"/>
                  <a:gd name="T41" fmla="*/ 2147483647 h 441"/>
                  <a:gd name="T42" fmla="*/ 2147483647 w 331"/>
                  <a:gd name="T43" fmla="*/ 2147483647 h 441"/>
                  <a:gd name="T44" fmla="*/ 2147483647 w 331"/>
                  <a:gd name="T45" fmla="*/ 2147483647 h 441"/>
                  <a:gd name="T46" fmla="*/ 2147483647 w 331"/>
                  <a:gd name="T47" fmla="*/ 2147483647 h 441"/>
                  <a:gd name="T48" fmla="*/ 2147483647 w 331"/>
                  <a:gd name="T49" fmla="*/ 2147483647 h 441"/>
                  <a:gd name="T50" fmla="*/ 2147483647 w 331"/>
                  <a:gd name="T51" fmla="*/ 2147483647 h 44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331"/>
                  <a:gd name="T79" fmla="*/ 0 h 441"/>
                  <a:gd name="T80" fmla="*/ 331 w 331"/>
                  <a:gd name="T81" fmla="*/ 441 h 441"/>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331" h="441">
                    <a:moveTo>
                      <a:pt x="234" y="368"/>
                    </a:moveTo>
                    <a:lnTo>
                      <a:pt x="200" y="344"/>
                    </a:lnTo>
                    <a:lnTo>
                      <a:pt x="165" y="352"/>
                    </a:lnTo>
                    <a:lnTo>
                      <a:pt x="130" y="424"/>
                    </a:lnTo>
                    <a:lnTo>
                      <a:pt x="61" y="440"/>
                    </a:lnTo>
                    <a:lnTo>
                      <a:pt x="26" y="440"/>
                    </a:lnTo>
                    <a:lnTo>
                      <a:pt x="17" y="408"/>
                    </a:lnTo>
                    <a:lnTo>
                      <a:pt x="0" y="384"/>
                    </a:lnTo>
                    <a:lnTo>
                      <a:pt x="78" y="336"/>
                    </a:lnTo>
                    <a:lnTo>
                      <a:pt x="61" y="288"/>
                    </a:lnTo>
                    <a:lnTo>
                      <a:pt x="78" y="224"/>
                    </a:lnTo>
                    <a:lnTo>
                      <a:pt x="17" y="160"/>
                    </a:lnTo>
                    <a:lnTo>
                      <a:pt x="52" y="144"/>
                    </a:lnTo>
                    <a:lnTo>
                      <a:pt x="96" y="80"/>
                    </a:lnTo>
                    <a:lnTo>
                      <a:pt x="69" y="40"/>
                    </a:lnTo>
                    <a:lnTo>
                      <a:pt x="78" y="0"/>
                    </a:lnTo>
                    <a:lnTo>
                      <a:pt x="156" y="32"/>
                    </a:lnTo>
                    <a:lnTo>
                      <a:pt x="252" y="56"/>
                    </a:lnTo>
                    <a:lnTo>
                      <a:pt x="269" y="64"/>
                    </a:lnTo>
                    <a:lnTo>
                      <a:pt x="295" y="104"/>
                    </a:lnTo>
                    <a:lnTo>
                      <a:pt x="243" y="152"/>
                    </a:lnTo>
                    <a:lnTo>
                      <a:pt x="269" y="184"/>
                    </a:lnTo>
                    <a:lnTo>
                      <a:pt x="304" y="168"/>
                    </a:lnTo>
                    <a:lnTo>
                      <a:pt x="330" y="192"/>
                    </a:lnTo>
                    <a:lnTo>
                      <a:pt x="330" y="296"/>
                    </a:lnTo>
                    <a:lnTo>
                      <a:pt x="234" y="368"/>
                    </a:lnTo>
                  </a:path>
                </a:pathLst>
              </a:custGeom>
              <a:solidFill>
                <a:srgbClr val="CBCBCB"/>
              </a:solidFill>
              <a:ln w="12700" cap="rnd">
                <a:solidFill>
                  <a:schemeClr val="bg1"/>
                </a:solidFill>
                <a:round/>
                <a:headEnd/>
                <a:tailEnd/>
              </a:ln>
            </p:spPr>
            <p:txBody>
              <a:bodyPr/>
              <a:lstStyle/>
              <a:p>
                <a:endParaRPr lang="de-CH" dirty="0"/>
              </a:p>
            </p:txBody>
          </p:sp>
          <p:sp>
            <p:nvSpPr>
              <p:cNvPr id="33" name="Freeform 105"/>
              <p:cNvSpPr>
                <a:spLocks/>
              </p:cNvSpPr>
              <p:nvPr/>
            </p:nvSpPr>
            <p:spPr bwMode="auto">
              <a:xfrm>
                <a:off x="499" y="3283"/>
                <a:ext cx="69" cy="54"/>
              </a:xfrm>
              <a:custGeom>
                <a:avLst/>
                <a:gdLst>
                  <a:gd name="T0" fmla="*/ 0 w 53"/>
                  <a:gd name="T1" fmla="*/ 2147483647 h 41"/>
                  <a:gd name="T2" fmla="*/ 2147483647 w 53"/>
                  <a:gd name="T3" fmla="*/ 0 h 41"/>
                  <a:gd name="T4" fmla="*/ 2147483647 w 53"/>
                  <a:gd name="T5" fmla="*/ 2147483647 h 41"/>
                  <a:gd name="T6" fmla="*/ 2147483647 w 53"/>
                  <a:gd name="T7" fmla="*/ 2147483647 h 41"/>
                  <a:gd name="T8" fmla="*/ 0 w 53"/>
                  <a:gd name="T9" fmla="*/ 2147483647 h 41"/>
                  <a:gd name="T10" fmla="*/ 0 60000 65536"/>
                  <a:gd name="T11" fmla="*/ 0 60000 65536"/>
                  <a:gd name="T12" fmla="*/ 0 60000 65536"/>
                  <a:gd name="T13" fmla="*/ 0 60000 65536"/>
                  <a:gd name="T14" fmla="*/ 0 60000 65536"/>
                  <a:gd name="T15" fmla="*/ 0 w 53"/>
                  <a:gd name="T16" fmla="*/ 0 h 41"/>
                  <a:gd name="T17" fmla="*/ 53 w 53"/>
                  <a:gd name="T18" fmla="*/ 41 h 41"/>
                </a:gdLst>
                <a:ahLst/>
                <a:cxnLst>
                  <a:cxn ang="T10">
                    <a:pos x="T0" y="T1"/>
                  </a:cxn>
                  <a:cxn ang="T11">
                    <a:pos x="T2" y="T3"/>
                  </a:cxn>
                  <a:cxn ang="T12">
                    <a:pos x="T4" y="T5"/>
                  </a:cxn>
                  <a:cxn ang="T13">
                    <a:pos x="T6" y="T7"/>
                  </a:cxn>
                  <a:cxn ang="T14">
                    <a:pos x="T8" y="T9"/>
                  </a:cxn>
                </a:cxnLst>
                <a:rect l="T15" t="T16" r="T17" b="T18"/>
                <a:pathLst>
                  <a:path w="53" h="41">
                    <a:moveTo>
                      <a:pt x="0" y="24"/>
                    </a:moveTo>
                    <a:lnTo>
                      <a:pt x="17" y="0"/>
                    </a:lnTo>
                    <a:lnTo>
                      <a:pt x="52" y="24"/>
                    </a:lnTo>
                    <a:lnTo>
                      <a:pt x="35" y="40"/>
                    </a:lnTo>
                    <a:lnTo>
                      <a:pt x="0" y="24"/>
                    </a:lnTo>
                  </a:path>
                </a:pathLst>
              </a:custGeom>
              <a:solidFill>
                <a:srgbClr val="CBCBCB"/>
              </a:solidFill>
              <a:ln w="12700" cap="rnd">
                <a:solidFill>
                  <a:schemeClr val="bg1"/>
                </a:solidFill>
                <a:round/>
                <a:headEnd/>
                <a:tailEnd/>
              </a:ln>
            </p:spPr>
            <p:txBody>
              <a:bodyPr/>
              <a:lstStyle/>
              <a:p>
                <a:endParaRPr lang="de-CH" dirty="0"/>
              </a:p>
            </p:txBody>
          </p:sp>
          <p:sp>
            <p:nvSpPr>
              <p:cNvPr id="34" name="Freeform 106"/>
              <p:cNvSpPr>
                <a:spLocks/>
              </p:cNvSpPr>
              <p:nvPr/>
            </p:nvSpPr>
            <p:spPr bwMode="auto">
              <a:xfrm>
                <a:off x="249" y="3336"/>
                <a:ext cx="421" cy="286"/>
              </a:xfrm>
              <a:custGeom>
                <a:avLst/>
                <a:gdLst>
                  <a:gd name="T0" fmla="*/ 2147483647 w 322"/>
                  <a:gd name="T1" fmla="*/ 2147483647 h 217"/>
                  <a:gd name="T2" fmla="*/ 2147483647 w 322"/>
                  <a:gd name="T3" fmla="*/ 2147483647 h 217"/>
                  <a:gd name="T4" fmla="*/ 2147483647 w 322"/>
                  <a:gd name="T5" fmla="*/ 2147483647 h 217"/>
                  <a:gd name="T6" fmla="*/ 2147483647 w 322"/>
                  <a:gd name="T7" fmla="*/ 2147483647 h 217"/>
                  <a:gd name="T8" fmla="*/ 2147483647 w 322"/>
                  <a:gd name="T9" fmla="*/ 2147483647 h 217"/>
                  <a:gd name="T10" fmla="*/ 2147483647 w 322"/>
                  <a:gd name="T11" fmla="*/ 2147483647 h 217"/>
                  <a:gd name="T12" fmla="*/ 2147483647 w 322"/>
                  <a:gd name="T13" fmla="*/ 2147483647 h 217"/>
                  <a:gd name="T14" fmla="*/ 2147483647 w 322"/>
                  <a:gd name="T15" fmla="*/ 2147483647 h 217"/>
                  <a:gd name="T16" fmla="*/ 2147483647 w 322"/>
                  <a:gd name="T17" fmla="*/ 2147483647 h 217"/>
                  <a:gd name="T18" fmla="*/ 2147483647 w 322"/>
                  <a:gd name="T19" fmla="*/ 2147483647 h 217"/>
                  <a:gd name="T20" fmla="*/ 0 w 322"/>
                  <a:gd name="T21" fmla="*/ 2147483647 h 217"/>
                  <a:gd name="T22" fmla="*/ 0 w 322"/>
                  <a:gd name="T23" fmla="*/ 2147483647 h 217"/>
                  <a:gd name="T24" fmla="*/ 2147483647 w 322"/>
                  <a:gd name="T25" fmla="*/ 2147483647 h 217"/>
                  <a:gd name="T26" fmla="*/ 2147483647 w 322"/>
                  <a:gd name="T27" fmla="*/ 2147483647 h 217"/>
                  <a:gd name="T28" fmla="*/ 2147483647 w 322"/>
                  <a:gd name="T29" fmla="*/ 2147483647 h 217"/>
                  <a:gd name="T30" fmla="*/ 2147483647 w 322"/>
                  <a:gd name="T31" fmla="*/ 2147483647 h 217"/>
                  <a:gd name="T32" fmla="*/ 2147483647 w 322"/>
                  <a:gd name="T33" fmla="*/ 2147483647 h 217"/>
                  <a:gd name="T34" fmla="*/ 2147483647 w 322"/>
                  <a:gd name="T35" fmla="*/ 0 h 217"/>
                  <a:gd name="T36" fmla="*/ 2147483647 w 322"/>
                  <a:gd name="T37" fmla="*/ 2147483647 h 217"/>
                  <a:gd name="T38" fmla="*/ 2147483647 w 322"/>
                  <a:gd name="T39" fmla="*/ 2147483647 h 217"/>
                  <a:gd name="T40" fmla="*/ 2147483647 w 322"/>
                  <a:gd name="T41" fmla="*/ 2147483647 h 2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322"/>
                  <a:gd name="T64" fmla="*/ 0 h 217"/>
                  <a:gd name="T65" fmla="*/ 322 w 322"/>
                  <a:gd name="T66" fmla="*/ 217 h 217"/>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322" h="217">
                    <a:moveTo>
                      <a:pt x="260" y="72"/>
                    </a:moveTo>
                    <a:lnTo>
                      <a:pt x="321" y="96"/>
                    </a:lnTo>
                    <a:lnTo>
                      <a:pt x="278" y="128"/>
                    </a:lnTo>
                    <a:lnTo>
                      <a:pt x="182" y="208"/>
                    </a:lnTo>
                    <a:lnTo>
                      <a:pt x="139" y="208"/>
                    </a:lnTo>
                    <a:lnTo>
                      <a:pt x="61" y="208"/>
                    </a:lnTo>
                    <a:lnTo>
                      <a:pt x="9" y="208"/>
                    </a:lnTo>
                    <a:lnTo>
                      <a:pt x="9" y="216"/>
                    </a:lnTo>
                    <a:lnTo>
                      <a:pt x="9" y="208"/>
                    </a:lnTo>
                    <a:lnTo>
                      <a:pt x="9" y="184"/>
                    </a:lnTo>
                    <a:lnTo>
                      <a:pt x="0" y="160"/>
                    </a:lnTo>
                    <a:lnTo>
                      <a:pt x="0" y="144"/>
                    </a:lnTo>
                    <a:lnTo>
                      <a:pt x="9" y="136"/>
                    </a:lnTo>
                    <a:lnTo>
                      <a:pt x="9" y="128"/>
                    </a:lnTo>
                    <a:lnTo>
                      <a:pt x="35" y="120"/>
                    </a:lnTo>
                    <a:lnTo>
                      <a:pt x="139" y="80"/>
                    </a:lnTo>
                    <a:lnTo>
                      <a:pt x="113" y="32"/>
                    </a:lnTo>
                    <a:lnTo>
                      <a:pt x="139" y="0"/>
                    </a:lnTo>
                    <a:lnTo>
                      <a:pt x="191" y="40"/>
                    </a:lnTo>
                    <a:lnTo>
                      <a:pt x="252" y="40"/>
                    </a:lnTo>
                    <a:lnTo>
                      <a:pt x="260" y="72"/>
                    </a:lnTo>
                  </a:path>
                </a:pathLst>
              </a:custGeom>
              <a:solidFill>
                <a:srgbClr val="CBCBCB"/>
              </a:solidFill>
              <a:ln w="12700">
                <a:solidFill>
                  <a:schemeClr val="bg1"/>
                </a:solidFill>
                <a:round/>
                <a:headEnd/>
                <a:tailEnd/>
              </a:ln>
            </p:spPr>
            <p:txBody>
              <a:bodyPr/>
              <a:lstStyle/>
              <a:p>
                <a:endParaRPr lang="de-CH" dirty="0"/>
              </a:p>
            </p:txBody>
          </p:sp>
          <p:sp>
            <p:nvSpPr>
              <p:cNvPr id="35" name="Freeform 107"/>
              <p:cNvSpPr>
                <a:spLocks/>
              </p:cNvSpPr>
              <p:nvPr/>
            </p:nvSpPr>
            <p:spPr bwMode="auto">
              <a:xfrm>
                <a:off x="1213" y="2652"/>
                <a:ext cx="80" cy="64"/>
              </a:xfrm>
              <a:custGeom>
                <a:avLst/>
                <a:gdLst>
                  <a:gd name="T0" fmla="*/ 2147483647 w 61"/>
                  <a:gd name="T1" fmla="*/ 2147483647 h 49"/>
                  <a:gd name="T2" fmla="*/ 2147483647 w 61"/>
                  <a:gd name="T3" fmla="*/ 2147483647 h 49"/>
                  <a:gd name="T4" fmla="*/ 0 w 61"/>
                  <a:gd name="T5" fmla="*/ 2147483647 h 49"/>
                  <a:gd name="T6" fmla="*/ 2147483647 w 61"/>
                  <a:gd name="T7" fmla="*/ 0 h 49"/>
                  <a:gd name="T8" fmla="*/ 2147483647 w 61"/>
                  <a:gd name="T9" fmla="*/ 2147483647 h 49"/>
                  <a:gd name="T10" fmla="*/ 0 60000 65536"/>
                  <a:gd name="T11" fmla="*/ 0 60000 65536"/>
                  <a:gd name="T12" fmla="*/ 0 60000 65536"/>
                  <a:gd name="T13" fmla="*/ 0 60000 65536"/>
                  <a:gd name="T14" fmla="*/ 0 60000 65536"/>
                  <a:gd name="T15" fmla="*/ 0 w 61"/>
                  <a:gd name="T16" fmla="*/ 0 h 49"/>
                  <a:gd name="T17" fmla="*/ 61 w 61"/>
                  <a:gd name="T18" fmla="*/ 49 h 49"/>
                </a:gdLst>
                <a:ahLst/>
                <a:cxnLst>
                  <a:cxn ang="T10">
                    <a:pos x="T0" y="T1"/>
                  </a:cxn>
                  <a:cxn ang="T11">
                    <a:pos x="T2" y="T3"/>
                  </a:cxn>
                  <a:cxn ang="T12">
                    <a:pos x="T4" y="T5"/>
                  </a:cxn>
                  <a:cxn ang="T13">
                    <a:pos x="T6" y="T7"/>
                  </a:cxn>
                  <a:cxn ang="T14">
                    <a:pos x="T8" y="T9"/>
                  </a:cxn>
                </a:cxnLst>
                <a:rect l="T15" t="T16" r="T17" b="T18"/>
                <a:pathLst>
                  <a:path w="61" h="49">
                    <a:moveTo>
                      <a:pt x="60" y="16"/>
                    </a:moveTo>
                    <a:lnTo>
                      <a:pt x="43" y="48"/>
                    </a:lnTo>
                    <a:lnTo>
                      <a:pt x="0" y="24"/>
                    </a:lnTo>
                    <a:lnTo>
                      <a:pt x="34" y="0"/>
                    </a:lnTo>
                    <a:lnTo>
                      <a:pt x="60" y="16"/>
                    </a:lnTo>
                  </a:path>
                </a:pathLst>
              </a:custGeom>
              <a:solidFill>
                <a:srgbClr val="CBCBCB"/>
              </a:solidFill>
              <a:ln w="12700" cap="rnd">
                <a:solidFill>
                  <a:schemeClr val="bg1"/>
                </a:solidFill>
                <a:round/>
                <a:headEnd/>
                <a:tailEnd/>
              </a:ln>
            </p:spPr>
            <p:txBody>
              <a:bodyPr/>
              <a:lstStyle/>
              <a:p>
                <a:endParaRPr lang="de-CH" dirty="0"/>
              </a:p>
            </p:txBody>
          </p:sp>
          <p:sp>
            <p:nvSpPr>
              <p:cNvPr id="36" name="Freeform 108"/>
              <p:cNvSpPr>
                <a:spLocks/>
              </p:cNvSpPr>
              <p:nvPr/>
            </p:nvSpPr>
            <p:spPr bwMode="auto">
              <a:xfrm>
                <a:off x="1145" y="2652"/>
                <a:ext cx="58" cy="53"/>
              </a:xfrm>
              <a:custGeom>
                <a:avLst/>
                <a:gdLst>
                  <a:gd name="T0" fmla="*/ 2147483647 w 44"/>
                  <a:gd name="T1" fmla="*/ 0 h 41"/>
                  <a:gd name="T2" fmla="*/ 0 w 44"/>
                  <a:gd name="T3" fmla="*/ 2147483647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8"/>
                    </a:lnTo>
                    <a:lnTo>
                      <a:pt x="17" y="40"/>
                    </a:lnTo>
                    <a:lnTo>
                      <a:pt x="43" y="8"/>
                    </a:lnTo>
                    <a:lnTo>
                      <a:pt x="26" y="0"/>
                    </a:lnTo>
                  </a:path>
                </a:pathLst>
              </a:custGeom>
              <a:solidFill>
                <a:srgbClr val="CBCBCB"/>
              </a:solidFill>
              <a:ln w="12700" cap="rnd">
                <a:solidFill>
                  <a:schemeClr val="bg1"/>
                </a:solidFill>
                <a:round/>
                <a:headEnd/>
                <a:tailEnd/>
              </a:ln>
            </p:spPr>
            <p:txBody>
              <a:bodyPr/>
              <a:lstStyle/>
              <a:p>
                <a:endParaRPr lang="de-CH" dirty="0"/>
              </a:p>
            </p:txBody>
          </p:sp>
          <p:sp>
            <p:nvSpPr>
              <p:cNvPr id="37" name="Freeform 109"/>
              <p:cNvSpPr>
                <a:spLocks/>
              </p:cNvSpPr>
              <p:nvPr/>
            </p:nvSpPr>
            <p:spPr bwMode="auto">
              <a:xfrm>
                <a:off x="1156" y="2462"/>
                <a:ext cx="205" cy="159"/>
              </a:xfrm>
              <a:custGeom>
                <a:avLst/>
                <a:gdLst>
                  <a:gd name="T0" fmla="*/ 2147483647 w 157"/>
                  <a:gd name="T1" fmla="*/ 2147483647 h 121"/>
                  <a:gd name="T2" fmla="*/ 2147483647 w 157"/>
                  <a:gd name="T3" fmla="*/ 2147483647 h 121"/>
                  <a:gd name="T4" fmla="*/ 2147483647 w 157"/>
                  <a:gd name="T5" fmla="*/ 2147483647 h 121"/>
                  <a:gd name="T6" fmla="*/ 2147483647 w 157"/>
                  <a:gd name="T7" fmla="*/ 2147483647 h 121"/>
                  <a:gd name="T8" fmla="*/ 2147483647 w 157"/>
                  <a:gd name="T9" fmla="*/ 2147483647 h 121"/>
                  <a:gd name="T10" fmla="*/ 2147483647 w 157"/>
                  <a:gd name="T11" fmla="*/ 2147483647 h 121"/>
                  <a:gd name="T12" fmla="*/ 2147483647 w 157"/>
                  <a:gd name="T13" fmla="*/ 2147483647 h 121"/>
                  <a:gd name="T14" fmla="*/ 2147483647 w 157"/>
                  <a:gd name="T15" fmla="*/ 2147483647 h 121"/>
                  <a:gd name="T16" fmla="*/ 2147483647 w 157"/>
                  <a:gd name="T17" fmla="*/ 0 h 121"/>
                  <a:gd name="T18" fmla="*/ 0 w 157"/>
                  <a:gd name="T19" fmla="*/ 2147483647 h 121"/>
                  <a:gd name="T20" fmla="*/ 2147483647 w 157"/>
                  <a:gd name="T21" fmla="*/ 2147483647 h 12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57"/>
                  <a:gd name="T34" fmla="*/ 0 h 121"/>
                  <a:gd name="T35" fmla="*/ 157 w 157"/>
                  <a:gd name="T36" fmla="*/ 121 h 12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57" h="121">
                    <a:moveTo>
                      <a:pt x="26" y="112"/>
                    </a:moveTo>
                    <a:lnTo>
                      <a:pt x="69" y="120"/>
                    </a:lnTo>
                    <a:lnTo>
                      <a:pt x="139" y="120"/>
                    </a:lnTo>
                    <a:lnTo>
                      <a:pt x="156" y="104"/>
                    </a:lnTo>
                    <a:lnTo>
                      <a:pt x="156" y="64"/>
                    </a:lnTo>
                    <a:lnTo>
                      <a:pt x="139" y="56"/>
                    </a:lnTo>
                    <a:lnTo>
                      <a:pt x="139" y="32"/>
                    </a:lnTo>
                    <a:lnTo>
                      <a:pt x="156" y="24"/>
                    </a:lnTo>
                    <a:lnTo>
                      <a:pt x="147" y="0"/>
                    </a:lnTo>
                    <a:lnTo>
                      <a:pt x="0" y="80"/>
                    </a:lnTo>
                    <a:lnTo>
                      <a:pt x="26" y="112"/>
                    </a:lnTo>
                  </a:path>
                </a:pathLst>
              </a:custGeom>
              <a:solidFill>
                <a:srgbClr val="CBCBCB"/>
              </a:solidFill>
              <a:ln w="12700">
                <a:solidFill>
                  <a:schemeClr val="bg1"/>
                </a:solidFill>
                <a:round/>
                <a:headEnd/>
                <a:tailEnd/>
              </a:ln>
            </p:spPr>
            <p:txBody>
              <a:bodyPr/>
              <a:lstStyle/>
              <a:p>
                <a:endParaRPr lang="de-CH" dirty="0"/>
              </a:p>
            </p:txBody>
          </p:sp>
          <p:sp>
            <p:nvSpPr>
              <p:cNvPr id="38" name="Freeform 110"/>
              <p:cNvSpPr>
                <a:spLocks/>
              </p:cNvSpPr>
              <p:nvPr/>
            </p:nvSpPr>
            <p:spPr bwMode="auto">
              <a:xfrm>
                <a:off x="1201" y="2294"/>
                <a:ext cx="658" cy="885"/>
              </a:xfrm>
              <a:custGeom>
                <a:avLst/>
                <a:gdLst>
                  <a:gd name="T0" fmla="*/ 2147483647 w 503"/>
                  <a:gd name="T1" fmla="*/ 2147483647 h 673"/>
                  <a:gd name="T2" fmla="*/ 2147483647 w 503"/>
                  <a:gd name="T3" fmla="*/ 2147483647 h 673"/>
                  <a:gd name="T4" fmla="*/ 2147483647 w 503"/>
                  <a:gd name="T5" fmla="*/ 2147483647 h 673"/>
                  <a:gd name="T6" fmla="*/ 2147483647 w 503"/>
                  <a:gd name="T7" fmla="*/ 2147483647 h 673"/>
                  <a:gd name="T8" fmla="*/ 2147483647 w 503"/>
                  <a:gd name="T9" fmla="*/ 2147483647 h 673"/>
                  <a:gd name="T10" fmla="*/ 2147483647 w 503"/>
                  <a:gd name="T11" fmla="*/ 2147483647 h 673"/>
                  <a:gd name="T12" fmla="*/ 2147483647 w 503"/>
                  <a:gd name="T13" fmla="*/ 2147483647 h 673"/>
                  <a:gd name="T14" fmla="*/ 0 w 503"/>
                  <a:gd name="T15" fmla="*/ 2147483647 h 673"/>
                  <a:gd name="T16" fmla="*/ 0 w 503"/>
                  <a:gd name="T17" fmla="*/ 2147483647 h 673"/>
                  <a:gd name="T18" fmla="*/ 2147483647 w 503"/>
                  <a:gd name="T19" fmla="*/ 2147483647 h 673"/>
                  <a:gd name="T20" fmla="*/ 2147483647 w 503"/>
                  <a:gd name="T21" fmla="*/ 2147483647 h 673"/>
                  <a:gd name="T22" fmla="*/ 2147483647 w 503"/>
                  <a:gd name="T23" fmla="*/ 2147483647 h 673"/>
                  <a:gd name="T24" fmla="*/ 2147483647 w 503"/>
                  <a:gd name="T25" fmla="*/ 2147483647 h 673"/>
                  <a:gd name="T26" fmla="*/ 2147483647 w 503"/>
                  <a:gd name="T27" fmla="*/ 2147483647 h 673"/>
                  <a:gd name="T28" fmla="*/ 0 w 503"/>
                  <a:gd name="T29" fmla="*/ 2147483647 h 673"/>
                  <a:gd name="T30" fmla="*/ 2147483647 w 503"/>
                  <a:gd name="T31" fmla="*/ 2147483647 h 673"/>
                  <a:gd name="T32" fmla="*/ 2147483647 w 503"/>
                  <a:gd name="T33" fmla="*/ 2147483647 h 673"/>
                  <a:gd name="T34" fmla="*/ 2147483647 w 503"/>
                  <a:gd name="T35" fmla="*/ 2147483647 h 673"/>
                  <a:gd name="T36" fmla="*/ 2147483647 w 503"/>
                  <a:gd name="T37" fmla="*/ 2147483647 h 673"/>
                  <a:gd name="T38" fmla="*/ 2147483647 w 503"/>
                  <a:gd name="T39" fmla="*/ 2147483647 h 673"/>
                  <a:gd name="T40" fmla="*/ 2147483647 w 503"/>
                  <a:gd name="T41" fmla="*/ 2147483647 h 673"/>
                  <a:gd name="T42" fmla="*/ 2147483647 w 503"/>
                  <a:gd name="T43" fmla="*/ 2147483647 h 673"/>
                  <a:gd name="T44" fmla="*/ 2147483647 w 503"/>
                  <a:gd name="T45" fmla="*/ 2147483647 h 673"/>
                  <a:gd name="T46" fmla="*/ 2147483647 w 503"/>
                  <a:gd name="T47" fmla="*/ 2147483647 h 673"/>
                  <a:gd name="T48" fmla="*/ 2147483647 w 503"/>
                  <a:gd name="T49" fmla="*/ 2147483647 h 673"/>
                  <a:gd name="T50" fmla="*/ 2147483647 w 503"/>
                  <a:gd name="T51" fmla="*/ 2147483647 h 673"/>
                  <a:gd name="T52" fmla="*/ 2147483647 w 503"/>
                  <a:gd name="T53" fmla="*/ 2147483647 h 673"/>
                  <a:gd name="T54" fmla="*/ 2147483647 w 503"/>
                  <a:gd name="T55" fmla="*/ 2147483647 h 673"/>
                  <a:gd name="T56" fmla="*/ 2147483647 w 503"/>
                  <a:gd name="T57" fmla="*/ 2147483647 h 673"/>
                  <a:gd name="T58" fmla="*/ 2147483647 w 503"/>
                  <a:gd name="T59" fmla="*/ 2147483647 h 673"/>
                  <a:gd name="T60" fmla="*/ 2147483647 w 503"/>
                  <a:gd name="T61" fmla="*/ 2147483647 h 673"/>
                  <a:gd name="T62" fmla="*/ 2147483647 w 503"/>
                  <a:gd name="T63" fmla="*/ 2147483647 h 673"/>
                  <a:gd name="T64" fmla="*/ 2147483647 w 503"/>
                  <a:gd name="T65" fmla="*/ 2147483647 h 673"/>
                  <a:gd name="T66" fmla="*/ 2147483647 w 503"/>
                  <a:gd name="T67" fmla="*/ 2147483647 h 673"/>
                  <a:gd name="T68" fmla="*/ 2147483647 w 503"/>
                  <a:gd name="T69" fmla="*/ 2147483647 h 673"/>
                  <a:gd name="T70" fmla="*/ 2147483647 w 503"/>
                  <a:gd name="T71" fmla="*/ 2147483647 h 673"/>
                  <a:gd name="T72" fmla="*/ 2147483647 w 503"/>
                  <a:gd name="T73" fmla="*/ 2147483647 h 673"/>
                  <a:gd name="T74" fmla="*/ 2147483647 w 503"/>
                  <a:gd name="T75" fmla="*/ 2147483647 h 673"/>
                  <a:gd name="T76" fmla="*/ 2147483647 w 503"/>
                  <a:gd name="T77" fmla="*/ 2147483647 h 673"/>
                  <a:gd name="T78" fmla="*/ 2147483647 w 503"/>
                  <a:gd name="T79" fmla="*/ 2147483647 h 673"/>
                  <a:gd name="T80" fmla="*/ 2147483647 w 503"/>
                  <a:gd name="T81" fmla="*/ 0 h 673"/>
                  <a:gd name="T82" fmla="*/ 2147483647 w 503"/>
                  <a:gd name="T83" fmla="*/ 2147483647 h 673"/>
                  <a:gd name="T84" fmla="*/ 2147483647 w 503"/>
                  <a:gd name="T85" fmla="*/ 2147483647 h 673"/>
                  <a:gd name="T86" fmla="*/ 2147483647 w 503"/>
                  <a:gd name="T87" fmla="*/ 2147483647 h 673"/>
                  <a:gd name="T88" fmla="*/ 2147483647 w 503"/>
                  <a:gd name="T89" fmla="*/ 2147483647 h 673"/>
                  <a:gd name="T90" fmla="*/ 2147483647 w 503"/>
                  <a:gd name="T91" fmla="*/ 2147483647 h 673"/>
                  <a:gd name="T92" fmla="*/ 2147483647 w 503"/>
                  <a:gd name="T93" fmla="*/ 2147483647 h 673"/>
                  <a:gd name="T94" fmla="*/ 2147483647 w 503"/>
                  <a:gd name="T95" fmla="*/ 2147483647 h 673"/>
                  <a:gd name="T96" fmla="*/ 2147483647 w 503"/>
                  <a:gd name="T97" fmla="*/ 2147483647 h 673"/>
                  <a:gd name="T98" fmla="*/ 2147483647 w 503"/>
                  <a:gd name="T99" fmla="*/ 2147483647 h 673"/>
                  <a:gd name="T100" fmla="*/ 2147483647 w 503"/>
                  <a:gd name="T101" fmla="*/ 2147483647 h 673"/>
                  <a:gd name="T102" fmla="*/ 2147483647 w 503"/>
                  <a:gd name="T103" fmla="*/ 2147483647 h 673"/>
                  <a:gd name="T104" fmla="*/ 2147483647 w 503"/>
                  <a:gd name="T105" fmla="*/ 2147483647 h 673"/>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03"/>
                  <a:gd name="T160" fmla="*/ 0 h 673"/>
                  <a:gd name="T161" fmla="*/ 503 w 503"/>
                  <a:gd name="T162" fmla="*/ 673 h 673"/>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03" h="673">
                    <a:moveTo>
                      <a:pt x="156" y="152"/>
                    </a:moveTo>
                    <a:lnTo>
                      <a:pt x="173" y="200"/>
                    </a:lnTo>
                    <a:lnTo>
                      <a:pt x="138" y="256"/>
                    </a:lnTo>
                    <a:lnTo>
                      <a:pt x="104" y="296"/>
                    </a:lnTo>
                    <a:lnTo>
                      <a:pt x="130" y="320"/>
                    </a:lnTo>
                    <a:lnTo>
                      <a:pt x="87" y="376"/>
                    </a:lnTo>
                    <a:lnTo>
                      <a:pt x="43" y="408"/>
                    </a:lnTo>
                    <a:lnTo>
                      <a:pt x="0" y="424"/>
                    </a:lnTo>
                    <a:lnTo>
                      <a:pt x="0" y="472"/>
                    </a:lnTo>
                    <a:lnTo>
                      <a:pt x="9" y="504"/>
                    </a:lnTo>
                    <a:lnTo>
                      <a:pt x="52" y="512"/>
                    </a:lnTo>
                    <a:lnTo>
                      <a:pt x="87" y="536"/>
                    </a:lnTo>
                    <a:lnTo>
                      <a:pt x="43" y="568"/>
                    </a:lnTo>
                    <a:lnTo>
                      <a:pt x="17" y="568"/>
                    </a:lnTo>
                    <a:lnTo>
                      <a:pt x="0" y="576"/>
                    </a:lnTo>
                    <a:lnTo>
                      <a:pt x="43" y="616"/>
                    </a:lnTo>
                    <a:lnTo>
                      <a:pt x="87" y="584"/>
                    </a:lnTo>
                    <a:lnTo>
                      <a:pt x="130" y="600"/>
                    </a:lnTo>
                    <a:lnTo>
                      <a:pt x="147" y="632"/>
                    </a:lnTo>
                    <a:lnTo>
                      <a:pt x="147" y="664"/>
                    </a:lnTo>
                    <a:lnTo>
                      <a:pt x="173" y="672"/>
                    </a:lnTo>
                    <a:lnTo>
                      <a:pt x="225" y="624"/>
                    </a:lnTo>
                    <a:lnTo>
                      <a:pt x="260" y="616"/>
                    </a:lnTo>
                    <a:lnTo>
                      <a:pt x="303" y="576"/>
                    </a:lnTo>
                    <a:lnTo>
                      <a:pt x="389" y="536"/>
                    </a:lnTo>
                    <a:lnTo>
                      <a:pt x="450" y="496"/>
                    </a:lnTo>
                    <a:lnTo>
                      <a:pt x="459" y="432"/>
                    </a:lnTo>
                    <a:lnTo>
                      <a:pt x="502" y="416"/>
                    </a:lnTo>
                    <a:lnTo>
                      <a:pt x="502" y="384"/>
                    </a:lnTo>
                    <a:lnTo>
                      <a:pt x="459" y="344"/>
                    </a:lnTo>
                    <a:lnTo>
                      <a:pt x="441" y="328"/>
                    </a:lnTo>
                    <a:lnTo>
                      <a:pt x="450" y="264"/>
                    </a:lnTo>
                    <a:lnTo>
                      <a:pt x="467" y="208"/>
                    </a:lnTo>
                    <a:lnTo>
                      <a:pt x="450" y="184"/>
                    </a:lnTo>
                    <a:lnTo>
                      <a:pt x="502" y="160"/>
                    </a:lnTo>
                    <a:lnTo>
                      <a:pt x="485" y="136"/>
                    </a:lnTo>
                    <a:lnTo>
                      <a:pt x="407" y="128"/>
                    </a:lnTo>
                    <a:lnTo>
                      <a:pt x="372" y="120"/>
                    </a:lnTo>
                    <a:lnTo>
                      <a:pt x="355" y="64"/>
                    </a:lnTo>
                    <a:lnTo>
                      <a:pt x="389" y="40"/>
                    </a:lnTo>
                    <a:lnTo>
                      <a:pt x="372" y="0"/>
                    </a:lnTo>
                    <a:lnTo>
                      <a:pt x="355" y="8"/>
                    </a:lnTo>
                    <a:lnTo>
                      <a:pt x="320" y="24"/>
                    </a:lnTo>
                    <a:lnTo>
                      <a:pt x="277" y="32"/>
                    </a:lnTo>
                    <a:lnTo>
                      <a:pt x="251" y="32"/>
                    </a:lnTo>
                    <a:lnTo>
                      <a:pt x="251" y="72"/>
                    </a:lnTo>
                    <a:lnTo>
                      <a:pt x="260" y="112"/>
                    </a:lnTo>
                    <a:lnTo>
                      <a:pt x="251" y="144"/>
                    </a:lnTo>
                    <a:lnTo>
                      <a:pt x="225" y="160"/>
                    </a:lnTo>
                    <a:lnTo>
                      <a:pt x="208" y="120"/>
                    </a:lnTo>
                    <a:lnTo>
                      <a:pt x="164" y="80"/>
                    </a:lnTo>
                    <a:lnTo>
                      <a:pt x="138" y="104"/>
                    </a:lnTo>
                    <a:lnTo>
                      <a:pt x="156" y="152"/>
                    </a:lnTo>
                  </a:path>
                </a:pathLst>
              </a:custGeom>
              <a:solidFill>
                <a:srgbClr val="CBCBCB"/>
              </a:solidFill>
              <a:ln w="12700" cap="rnd">
                <a:solidFill>
                  <a:schemeClr val="bg1"/>
                </a:solidFill>
                <a:round/>
                <a:headEnd/>
                <a:tailEnd/>
              </a:ln>
            </p:spPr>
            <p:txBody>
              <a:bodyPr/>
              <a:lstStyle/>
              <a:p>
                <a:endParaRPr lang="de-CH" dirty="0"/>
              </a:p>
            </p:txBody>
          </p:sp>
          <p:sp>
            <p:nvSpPr>
              <p:cNvPr id="39" name="Freeform 111"/>
              <p:cNvSpPr>
                <a:spLocks/>
              </p:cNvSpPr>
              <p:nvPr/>
            </p:nvSpPr>
            <p:spPr bwMode="auto">
              <a:xfrm>
                <a:off x="1995" y="1767"/>
                <a:ext cx="92" cy="43"/>
              </a:xfrm>
              <a:custGeom>
                <a:avLst/>
                <a:gdLst>
                  <a:gd name="T0" fmla="*/ 2147483647 w 70"/>
                  <a:gd name="T1" fmla="*/ 2147483647 h 33"/>
                  <a:gd name="T2" fmla="*/ 2147483647 w 70"/>
                  <a:gd name="T3" fmla="*/ 0 h 33"/>
                  <a:gd name="T4" fmla="*/ 0 w 70"/>
                  <a:gd name="T5" fmla="*/ 2147483647 h 33"/>
                  <a:gd name="T6" fmla="*/ 2147483647 w 70"/>
                  <a:gd name="T7" fmla="*/ 2147483647 h 33"/>
                  <a:gd name="T8" fmla="*/ 2147483647 w 70"/>
                  <a:gd name="T9" fmla="*/ 2147483647 h 33"/>
                  <a:gd name="T10" fmla="*/ 2147483647 w 70"/>
                  <a:gd name="T11" fmla="*/ 2147483647 h 33"/>
                  <a:gd name="T12" fmla="*/ 0 60000 65536"/>
                  <a:gd name="T13" fmla="*/ 0 60000 65536"/>
                  <a:gd name="T14" fmla="*/ 0 60000 65536"/>
                  <a:gd name="T15" fmla="*/ 0 60000 65536"/>
                  <a:gd name="T16" fmla="*/ 0 60000 65536"/>
                  <a:gd name="T17" fmla="*/ 0 60000 65536"/>
                  <a:gd name="T18" fmla="*/ 0 w 70"/>
                  <a:gd name="T19" fmla="*/ 0 h 33"/>
                  <a:gd name="T20" fmla="*/ 70 w 70"/>
                  <a:gd name="T21" fmla="*/ 33 h 33"/>
                </a:gdLst>
                <a:ahLst/>
                <a:cxnLst>
                  <a:cxn ang="T12">
                    <a:pos x="T0" y="T1"/>
                  </a:cxn>
                  <a:cxn ang="T13">
                    <a:pos x="T2" y="T3"/>
                  </a:cxn>
                  <a:cxn ang="T14">
                    <a:pos x="T4" y="T5"/>
                  </a:cxn>
                  <a:cxn ang="T15">
                    <a:pos x="T6" y="T7"/>
                  </a:cxn>
                  <a:cxn ang="T16">
                    <a:pos x="T8" y="T9"/>
                  </a:cxn>
                  <a:cxn ang="T17">
                    <a:pos x="T10" y="T11"/>
                  </a:cxn>
                </a:cxnLst>
                <a:rect l="T18" t="T19" r="T20" b="T21"/>
                <a:pathLst>
                  <a:path w="70" h="33">
                    <a:moveTo>
                      <a:pt x="69" y="8"/>
                    </a:moveTo>
                    <a:lnTo>
                      <a:pt x="26" y="0"/>
                    </a:lnTo>
                    <a:lnTo>
                      <a:pt x="0" y="16"/>
                    </a:lnTo>
                    <a:lnTo>
                      <a:pt x="26" y="32"/>
                    </a:lnTo>
                    <a:lnTo>
                      <a:pt x="60" y="32"/>
                    </a:lnTo>
                    <a:lnTo>
                      <a:pt x="69" y="8"/>
                    </a:lnTo>
                  </a:path>
                </a:pathLst>
              </a:custGeom>
              <a:solidFill>
                <a:srgbClr val="CBCBCB"/>
              </a:solidFill>
              <a:ln w="12700" cap="rnd">
                <a:solidFill>
                  <a:schemeClr val="bg1"/>
                </a:solidFill>
                <a:round/>
                <a:headEnd/>
                <a:tailEnd/>
              </a:ln>
            </p:spPr>
            <p:txBody>
              <a:bodyPr/>
              <a:lstStyle/>
              <a:p>
                <a:endParaRPr lang="de-CH" dirty="0"/>
              </a:p>
            </p:txBody>
          </p:sp>
          <p:sp>
            <p:nvSpPr>
              <p:cNvPr id="40" name="Freeform 112"/>
              <p:cNvSpPr>
                <a:spLocks/>
              </p:cNvSpPr>
              <p:nvPr/>
            </p:nvSpPr>
            <p:spPr bwMode="auto">
              <a:xfrm>
                <a:off x="1916" y="1420"/>
                <a:ext cx="613" cy="348"/>
              </a:xfrm>
              <a:custGeom>
                <a:avLst/>
                <a:gdLst>
                  <a:gd name="T0" fmla="*/ 2147483647 w 469"/>
                  <a:gd name="T1" fmla="*/ 2147483647 h 265"/>
                  <a:gd name="T2" fmla="*/ 2147483647 w 469"/>
                  <a:gd name="T3" fmla="*/ 2147483647 h 265"/>
                  <a:gd name="T4" fmla="*/ 2147483647 w 469"/>
                  <a:gd name="T5" fmla="*/ 2147483647 h 265"/>
                  <a:gd name="T6" fmla="*/ 2147483647 w 469"/>
                  <a:gd name="T7" fmla="*/ 2147483647 h 265"/>
                  <a:gd name="T8" fmla="*/ 2147483647 w 469"/>
                  <a:gd name="T9" fmla="*/ 2147483647 h 265"/>
                  <a:gd name="T10" fmla="*/ 2147483647 w 469"/>
                  <a:gd name="T11" fmla="*/ 2147483647 h 265"/>
                  <a:gd name="T12" fmla="*/ 0 w 469"/>
                  <a:gd name="T13" fmla="*/ 2147483647 h 265"/>
                  <a:gd name="T14" fmla="*/ 2147483647 w 469"/>
                  <a:gd name="T15" fmla="*/ 2147483647 h 265"/>
                  <a:gd name="T16" fmla="*/ 2147483647 w 469"/>
                  <a:gd name="T17" fmla="*/ 2147483647 h 265"/>
                  <a:gd name="T18" fmla="*/ 2147483647 w 469"/>
                  <a:gd name="T19" fmla="*/ 2147483647 h 265"/>
                  <a:gd name="T20" fmla="*/ 2147483647 w 469"/>
                  <a:gd name="T21" fmla="*/ 2147483647 h 265"/>
                  <a:gd name="T22" fmla="*/ 2147483647 w 469"/>
                  <a:gd name="T23" fmla="*/ 2147483647 h 265"/>
                  <a:gd name="T24" fmla="*/ 2147483647 w 469"/>
                  <a:gd name="T25" fmla="*/ 2147483647 h 265"/>
                  <a:gd name="T26" fmla="*/ 2147483647 w 469"/>
                  <a:gd name="T27" fmla="*/ 2147483647 h 265"/>
                  <a:gd name="T28" fmla="*/ 2147483647 w 469"/>
                  <a:gd name="T29" fmla="*/ 2147483647 h 265"/>
                  <a:gd name="T30" fmla="*/ 2147483647 w 469"/>
                  <a:gd name="T31" fmla="*/ 2147483647 h 265"/>
                  <a:gd name="T32" fmla="*/ 2147483647 w 469"/>
                  <a:gd name="T33" fmla="*/ 2147483647 h 265"/>
                  <a:gd name="T34" fmla="*/ 2147483647 w 469"/>
                  <a:gd name="T35" fmla="*/ 2147483647 h 265"/>
                  <a:gd name="T36" fmla="*/ 2147483647 w 469"/>
                  <a:gd name="T37" fmla="*/ 2147483647 h 265"/>
                  <a:gd name="T38" fmla="*/ 2147483647 w 469"/>
                  <a:gd name="T39" fmla="*/ 2147483647 h 265"/>
                  <a:gd name="T40" fmla="*/ 2147483647 w 469"/>
                  <a:gd name="T41" fmla="*/ 2147483647 h 265"/>
                  <a:gd name="T42" fmla="*/ 2147483647 w 469"/>
                  <a:gd name="T43" fmla="*/ 2147483647 h 265"/>
                  <a:gd name="T44" fmla="*/ 2147483647 w 469"/>
                  <a:gd name="T45" fmla="*/ 2147483647 h 265"/>
                  <a:gd name="T46" fmla="*/ 2147483647 w 469"/>
                  <a:gd name="T47" fmla="*/ 2147483647 h 265"/>
                  <a:gd name="T48" fmla="*/ 2147483647 w 469"/>
                  <a:gd name="T49" fmla="*/ 2147483647 h 265"/>
                  <a:gd name="T50" fmla="*/ 2147483647 w 469"/>
                  <a:gd name="T51" fmla="*/ 2147483647 h 265"/>
                  <a:gd name="T52" fmla="*/ 2147483647 w 469"/>
                  <a:gd name="T53" fmla="*/ 2147483647 h 265"/>
                  <a:gd name="T54" fmla="*/ 2147483647 w 469"/>
                  <a:gd name="T55" fmla="*/ 2147483647 h 265"/>
                  <a:gd name="T56" fmla="*/ 2147483647 w 469"/>
                  <a:gd name="T57" fmla="*/ 2147483647 h 265"/>
                  <a:gd name="T58" fmla="*/ 2147483647 w 469"/>
                  <a:gd name="T59" fmla="*/ 2147483647 h 265"/>
                  <a:gd name="T60" fmla="*/ 2147483647 w 469"/>
                  <a:gd name="T61" fmla="*/ 2147483647 h 265"/>
                  <a:gd name="T62" fmla="*/ 2147483647 w 469"/>
                  <a:gd name="T63" fmla="*/ 2147483647 h 265"/>
                  <a:gd name="T64" fmla="*/ 2147483647 w 469"/>
                  <a:gd name="T65" fmla="*/ 2147483647 h 265"/>
                  <a:gd name="T66" fmla="*/ 2147483647 w 469"/>
                  <a:gd name="T67" fmla="*/ 2147483647 h 265"/>
                  <a:gd name="T68" fmla="*/ 2147483647 w 469"/>
                  <a:gd name="T69" fmla="*/ 2147483647 h 265"/>
                  <a:gd name="T70" fmla="*/ 2147483647 w 469"/>
                  <a:gd name="T71" fmla="*/ 2147483647 h 265"/>
                  <a:gd name="T72" fmla="*/ 2147483647 w 469"/>
                  <a:gd name="T73" fmla="*/ 2147483647 h 265"/>
                  <a:gd name="T74" fmla="*/ 2147483647 w 469"/>
                  <a:gd name="T75" fmla="*/ 2147483647 h 265"/>
                  <a:gd name="T76" fmla="*/ 2147483647 w 469"/>
                  <a:gd name="T77" fmla="*/ 2147483647 h 265"/>
                  <a:gd name="T78" fmla="*/ 2147483647 w 469"/>
                  <a:gd name="T79" fmla="*/ 2147483647 h 265"/>
                  <a:gd name="T80" fmla="*/ 2147483647 w 469"/>
                  <a:gd name="T81" fmla="*/ 2147483647 h 265"/>
                  <a:gd name="T82" fmla="*/ 2147483647 w 469"/>
                  <a:gd name="T83" fmla="*/ 2147483647 h 265"/>
                  <a:gd name="T84" fmla="*/ 2147483647 w 469"/>
                  <a:gd name="T85" fmla="*/ 2147483647 h 265"/>
                  <a:gd name="T86" fmla="*/ 2147483647 w 469"/>
                  <a:gd name="T87" fmla="*/ 2147483647 h 265"/>
                  <a:gd name="T88" fmla="*/ 2147483647 w 469"/>
                  <a:gd name="T89" fmla="*/ 2147483647 h 265"/>
                  <a:gd name="T90" fmla="*/ 2147483647 w 469"/>
                  <a:gd name="T91" fmla="*/ 2147483647 h 265"/>
                  <a:gd name="T92" fmla="*/ 2147483647 w 469"/>
                  <a:gd name="T93" fmla="*/ 2147483647 h 265"/>
                  <a:gd name="T94" fmla="*/ 2147483647 w 469"/>
                  <a:gd name="T95" fmla="*/ 2147483647 h 265"/>
                  <a:gd name="T96" fmla="*/ 2147483647 w 469"/>
                  <a:gd name="T97" fmla="*/ 2147483647 h 265"/>
                  <a:gd name="T98" fmla="*/ 2147483647 w 469"/>
                  <a:gd name="T99" fmla="*/ 2147483647 h 265"/>
                  <a:gd name="T100" fmla="*/ 2147483647 w 469"/>
                  <a:gd name="T101" fmla="*/ 2147483647 h 265"/>
                  <a:gd name="T102" fmla="*/ 2147483647 w 469"/>
                  <a:gd name="T103" fmla="*/ 2147483647 h 265"/>
                  <a:gd name="T104" fmla="*/ 2147483647 w 469"/>
                  <a:gd name="T105" fmla="*/ 2147483647 h 265"/>
                  <a:gd name="T106" fmla="*/ 2147483647 w 469"/>
                  <a:gd name="T107" fmla="*/ 0 h 265"/>
                  <a:gd name="T108" fmla="*/ 2147483647 w 469"/>
                  <a:gd name="T109" fmla="*/ 2147483647 h 265"/>
                  <a:gd name="T110" fmla="*/ 2147483647 w 469"/>
                  <a:gd name="T111" fmla="*/ 2147483647 h 265"/>
                  <a:gd name="T112" fmla="*/ 2147483647 w 469"/>
                  <a:gd name="T113" fmla="*/ 2147483647 h 265"/>
                  <a:gd name="T114" fmla="*/ 2147483647 w 469"/>
                  <a:gd name="T115" fmla="*/ 2147483647 h 265"/>
                  <a:gd name="T116" fmla="*/ 2147483647 w 469"/>
                  <a:gd name="T117" fmla="*/ 2147483647 h 265"/>
                  <a:gd name="T118" fmla="*/ 2147483647 w 469"/>
                  <a:gd name="T119" fmla="*/ 2147483647 h 265"/>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469"/>
                  <a:gd name="T181" fmla="*/ 0 h 265"/>
                  <a:gd name="T182" fmla="*/ 469 w 469"/>
                  <a:gd name="T183" fmla="*/ 265 h 265"/>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469" h="265">
                    <a:moveTo>
                      <a:pt x="14" y="117"/>
                    </a:moveTo>
                    <a:lnTo>
                      <a:pt x="17" y="144"/>
                    </a:lnTo>
                    <a:lnTo>
                      <a:pt x="9" y="152"/>
                    </a:lnTo>
                    <a:lnTo>
                      <a:pt x="17" y="176"/>
                    </a:lnTo>
                    <a:lnTo>
                      <a:pt x="35" y="176"/>
                    </a:lnTo>
                    <a:lnTo>
                      <a:pt x="9" y="192"/>
                    </a:lnTo>
                    <a:lnTo>
                      <a:pt x="0" y="200"/>
                    </a:lnTo>
                    <a:lnTo>
                      <a:pt x="9" y="232"/>
                    </a:lnTo>
                    <a:lnTo>
                      <a:pt x="26" y="232"/>
                    </a:lnTo>
                    <a:lnTo>
                      <a:pt x="35" y="208"/>
                    </a:lnTo>
                    <a:lnTo>
                      <a:pt x="61" y="208"/>
                    </a:lnTo>
                    <a:lnTo>
                      <a:pt x="61" y="224"/>
                    </a:lnTo>
                    <a:lnTo>
                      <a:pt x="78" y="224"/>
                    </a:lnTo>
                    <a:lnTo>
                      <a:pt x="104" y="216"/>
                    </a:lnTo>
                    <a:lnTo>
                      <a:pt x="104" y="224"/>
                    </a:lnTo>
                    <a:lnTo>
                      <a:pt x="113" y="224"/>
                    </a:lnTo>
                    <a:lnTo>
                      <a:pt x="113" y="208"/>
                    </a:lnTo>
                    <a:lnTo>
                      <a:pt x="139" y="200"/>
                    </a:lnTo>
                    <a:lnTo>
                      <a:pt x="139" y="208"/>
                    </a:lnTo>
                    <a:lnTo>
                      <a:pt x="147" y="216"/>
                    </a:lnTo>
                    <a:lnTo>
                      <a:pt x="147" y="192"/>
                    </a:lnTo>
                    <a:lnTo>
                      <a:pt x="173" y="176"/>
                    </a:lnTo>
                    <a:lnTo>
                      <a:pt x="173" y="152"/>
                    </a:lnTo>
                    <a:lnTo>
                      <a:pt x="165" y="120"/>
                    </a:lnTo>
                    <a:lnTo>
                      <a:pt x="165" y="88"/>
                    </a:lnTo>
                    <a:lnTo>
                      <a:pt x="199" y="80"/>
                    </a:lnTo>
                    <a:lnTo>
                      <a:pt x="269" y="104"/>
                    </a:lnTo>
                    <a:lnTo>
                      <a:pt x="269" y="136"/>
                    </a:lnTo>
                    <a:lnTo>
                      <a:pt x="243" y="176"/>
                    </a:lnTo>
                    <a:lnTo>
                      <a:pt x="208" y="184"/>
                    </a:lnTo>
                    <a:lnTo>
                      <a:pt x="199" y="208"/>
                    </a:lnTo>
                    <a:lnTo>
                      <a:pt x="199" y="240"/>
                    </a:lnTo>
                    <a:lnTo>
                      <a:pt x="243" y="232"/>
                    </a:lnTo>
                    <a:lnTo>
                      <a:pt x="269" y="224"/>
                    </a:lnTo>
                    <a:lnTo>
                      <a:pt x="321" y="264"/>
                    </a:lnTo>
                    <a:lnTo>
                      <a:pt x="338" y="264"/>
                    </a:lnTo>
                    <a:lnTo>
                      <a:pt x="399" y="208"/>
                    </a:lnTo>
                    <a:lnTo>
                      <a:pt x="468" y="184"/>
                    </a:lnTo>
                    <a:lnTo>
                      <a:pt x="468" y="112"/>
                    </a:lnTo>
                    <a:lnTo>
                      <a:pt x="433" y="88"/>
                    </a:lnTo>
                    <a:lnTo>
                      <a:pt x="416" y="72"/>
                    </a:lnTo>
                    <a:lnTo>
                      <a:pt x="373" y="40"/>
                    </a:lnTo>
                    <a:lnTo>
                      <a:pt x="364" y="40"/>
                    </a:lnTo>
                    <a:lnTo>
                      <a:pt x="347" y="72"/>
                    </a:lnTo>
                    <a:lnTo>
                      <a:pt x="338" y="88"/>
                    </a:lnTo>
                    <a:lnTo>
                      <a:pt x="321" y="56"/>
                    </a:lnTo>
                    <a:lnTo>
                      <a:pt x="303" y="48"/>
                    </a:lnTo>
                    <a:lnTo>
                      <a:pt x="277" y="24"/>
                    </a:lnTo>
                    <a:lnTo>
                      <a:pt x="225" y="24"/>
                    </a:lnTo>
                    <a:lnTo>
                      <a:pt x="191" y="8"/>
                    </a:lnTo>
                    <a:lnTo>
                      <a:pt x="173" y="32"/>
                    </a:lnTo>
                    <a:lnTo>
                      <a:pt x="147" y="48"/>
                    </a:lnTo>
                    <a:lnTo>
                      <a:pt x="130" y="24"/>
                    </a:lnTo>
                    <a:lnTo>
                      <a:pt x="113" y="0"/>
                    </a:lnTo>
                    <a:lnTo>
                      <a:pt x="78" y="40"/>
                    </a:lnTo>
                    <a:lnTo>
                      <a:pt x="87" y="72"/>
                    </a:lnTo>
                    <a:lnTo>
                      <a:pt x="69" y="96"/>
                    </a:lnTo>
                    <a:lnTo>
                      <a:pt x="61" y="96"/>
                    </a:lnTo>
                    <a:lnTo>
                      <a:pt x="46" y="107"/>
                    </a:lnTo>
                    <a:lnTo>
                      <a:pt x="14" y="117"/>
                    </a:lnTo>
                  </a:path>
                </a:pathLst>
              </a:custGeom>
              <a:solidFill>
                <a:srgbClr val="CBCBCB"/>
              </a:solidFill>
              <a:ln w="12700" cap="rnd">
                <a:solidFill>
                  <a:schemeClr val="bg1"/>
                </a:solidFill>
                <a:round/>
                <a:headEnd/>
                <a:tailEnd/>
              </a:ln>
            </p:spPr>
            <p:txBody>
              <a:bodyPr/>
              <a:lstStyle/>
              <a:p>
                <a:endParaRPr lang="de-CH" dirty="0"/>
              </a:p>
            </p:txBody>
          </p:sp>
          <p:sp>
            <p:nvSpPr>
              <p:cNvPr id="41" name="Freeform 113"/>
              <p:cNvSpPr>
                <a:spLocks/>
              </p:cNvSpPr>
              <p:nvPr/>
            </p:nvSpPr>
            <p:spPr bwMode="auto">
              <a:xfrm>
                <a:off x="2278" y="1314"/>
                <a:ext cx="807" cy="760"/>
              </a:xfrm>
              <a:custGeom>
                <a:avLst/>
                <a:gdLst>
                  <a:gd name="T0" fmla="*/ 2147483647 w 617"/>
                  <a:gd name="T1" fmla="*/ 2147483647 h 577"/>
                  <a:gd name="T2" fmla="*/ 2147483647 w 617"/>
                  <a:gd name="T3" fmla="*/ 2147483647 h 577"/>
                  <a:gd name="T4" fmla="*/ 2147483647 w 617"/>
                  <a:gd name="T5" fmla="*/ 2147483647 h 577"/>
                  <a:gd name="T6" fmla="*/ 2147483647 w 617"/>
                  <a:gd name="T7" fmla="*/ 0 h 577"/>
                  <a:gd name="T8" fmla="*/ 2147483647 w 617"/>
                  <a:gd name="T9" fmla="*/ 2147483647 h 577"/>
                  <a:gd name="T10" fmla="*/ 2147483647 w 617"/>
                  <a:gd name="T11" fmla="*/ 2147483647 h 577"/>
                  <a:gd name="T12" fmla="*/ 2147483647 w 617"/>
                  <a:gd name="T13" fmla="*/ 2147483647 h 577"/>
                  <a:gd name="T14" fmla="*/ 2147483647 w 617"/>
                  <a:gd name="T15" fmla="*/ 2147483647 h 577"/>
                  <a:gd name="T16" fmla="*/ 2147483647 w 617"/>
                  <a:gd name="T17" fmla="*/ 2147483647 h 577"/>
                  <a:gd name="T18" fmla="*/ 2147483647 w 617"/>
                  <a:gd name="T19" fmla="*/ 2147483647 h 577"/>
                  <a:gd name="T20" fmla="*/ 2147483647 w 617"/>
                  <a:gd name="T21" fmla="*/ 2147483647 h 577"/>
                  <a:gd name="T22" fmla="*/ 0 w 617"/>
                  <a:gd name="T23" fmla="*/ 2147483647 h 577"/>
                  <a:gd name="T24" fmla="*/ 2147483647 w 617"/>
                  <a:gd name="T25" fmla="*/ 2147483647 h 577"/>
                  <a:gd name="T26" fmla="*/ 2147483647 w 617"/>
                  <a:gd name="T27" fmla="*/ 2147483647 h 577"/>
                  <a:gd name="T28" fmla="*/ 2147483647 w 617"/>
                  <a:gd name="T29" fmla="*/ 2147483647 h 577"/>
                  <a:gd name="T30" fmla="*/ 2147483647 w 617"/>
                  <a:gd name="T31" fmla="*/ 2147483647 h 577"/>
                  <a:gd name="T32" fmla="*/ 2147483647 w 617"/>
                  <a:gd name="T33" fmla="*/ 2147483647 h 577"/>
                  <a:gd name="T34" fmla="*/ 2147483647 w 617"/>
                  <a:gd name="T35" fmla="*/ 2147483647 h 577"/>
                  <a:gd name="T36" fmla="*/ 2147483647 w 617"/>
                  <a:gd name="T37" fmla="*/ 2147483647 h 577"/>
                  <a:gd name="T38" fmla="*/ 2147483647 w 617"/>
                  <a:gd name="T39" fmla="*/ 2147483647 h 577"/>
                  <a:gd name="T40" fmla="*/ 2147483647 w 617"/>
                  <a:gd name="T41" fmla="*/ 2147483647 h 577"/>
                  <a:gd name="T42" fmla="*/ 2147483647 w 617"/>
                  <a:gd name="T43" fmla="*/ 2147483647 h 577"/>
                  <a:gd name="T44" fmla="*/ 2147483647 w 617"/>
                  <a:gd name="T45" fmla="*/ 2147483647 h 577"/>
                  <a:gd name="T46" fmla="*/ 2147483647 w 617"/>
                  <a:gd name="T47" fmla="*/ 2147483647 h 577"/>
                  <a:gd name="T48" fmla="*/ 2147483647 w 617"/>
                  <a:gd name="T49" fmla="*/ 2147483647 h 577"/>
                  <a:gd name="T50" fmla="*/ 2147483647 w 617"/>
                  <a:gd name="T51" fmla="*/ 2147483647 h 577"/>
                  <a:gd name="T52" fmla="*/ 2147483647 w 617"/>
                  <a:gd name="T53" fmla="*/ 2147483647 h 577"/>
                  <a:gd name="T54" fmla="*/ 2147483647 w 617"/>
                  <a:gd name="T55" fmla="*/ 2147483647 h 577"/>
                  <a:gd name="T56" fmla="*/ 2147483647 w 617"/>
                  <a:gd name="T57" fmla="*/ 2147483647 h 577"/>
                  <a:gd name="T58" fmla="*/ 2147483647 w 617"/>
                  <a:gd name="T59" fmla="*/ 2147483647 h 577"/>
                  <a:gd name="T60" fmla="*/ 2147483647 w 617"/>
                  <a:gd name="T61" fmla="*/ 2147483647 h 577"/>
                  <a:gd name="T62" fmla="*/ 2147483647 w 617"/>
                  <a:gd name="T63" fmla="*/ 2147483647 h 577"/>
                  <a:gd name="T64" fmla="*/ 2147483647 w 617"/>
                  <a:gd name="T65" fmla="*/ 2147483647 h 577"/>
                  <a:gd name="T66" fmla="*/ 2147483647 w 617"/>
                  <a:gd name="T67" fmla="*/ 2147483647 h 577"/>
                  <a:gd name="T68" fmla="*/ 2147483647 w 617"/>
                  <a:gd name="T69" fmla="*/ 2147483647 h 577"/>
                  <a:gd name="T70" fmla="*/ 2147483647 w 617"/>
                  <a:gd name="T71" fmla="*/ 2147483647 h 577"/>
                  <a:gd name="T72" fmla="*/ 2147483647 w 617"/>
                  <a:gd name="T73" fmla="*/ 2147483647 h 577"/>
                  <a:gd name="T74" fmla="*/ 2147483647 w 617"/>
                  <a:gd name="T75" fmla="*/ 2147483647 h 577"/>
                  <a:gd name="T76" fmla="*/ 2147483647 w 617"/>
                  <a:gd name="T77" fmla="*/ 2147483647 h 577"/>
                  <a:gd name="T78" fmla="*/ 2147483647 w 617"/>
                  <a:gd name="T79" fmla="*/ 2147483647 h 577"/>
                  <a:gd name="T80" fmla="*/ 2147483647 w 617"/>
                  <a:gd name="T81" fmla="*/ 2147483647 h 577"/>
                  <a:gd name="T82" fmla="*/ 2147483647 w 617"/>
                  <a:gd name="T83" fmla="*/ 2147483647 h 577"/>
                  <a:gd name="T84" fmla="*/ 2147483647 w 617"/>
                  <a:gd name="T85" fmla="*/ 2147483647 h 577"/>
                  <a:gd name="T86" fmla="*/ 2147483647 w 617"/>
                  <a:gd name="T87" fmla="*/ 2147483647 h 577"/>
                  <a:gd name="T88" fmla="*/ 2147483647 w 617"/>
                  <a:gd name="T89" fmla="*/ 2147483647 h 577"/>
                  <a:gd name="T90" fmla="*/ 2147483647 w 617"/>
                  <a:gd name="T91" fmla="*/ 2147483647 h 577"/>
                  <a:gd name="T92" fmla="*/ 2147483647 w 617"/>
                  <a:gd name="T93" fmla="*/ 2147483647 h 577"/>
                  <a:gd name="T94" fmla="*/ 2147483647 w 617"/>
                  <a:gd name="T95" fmla="*/ 2147483647 h 577"/>
                  <a:gd name="T96" fmla="*/ 2147483647 w 617"/>
                  <a:gd name="T97" fmla="*/ 2147483647 h 577"/>
                  <a:gd name="T98" fmla="*/ 2147483647 w 617"/>
                  <a:gd name="T99" fmla="*/ 2147483647 h 577"/>
                  <a:gd name="T100" fmla="*/ 2147483647 w 617"/>
                  <a:gd name="T101" fmla="*/ 2147483647 h 577"/>
                  <a:gd name="T102" fmla="*/ 2147483647 w 617"/>
                  <a:gd name="T103" fmla="*/ 2147483647 h 577"/>
                  <a:gd name="T104" fmla="*/ 2147483647 w 617"/>
                  <a:gd name="T105" fmla="*/ 2147483647 h 577"/>
                  <a:gd name="T106" fmla="*/ 2147483647 w 617"/>
                  <a:gd name="T107" fmla="*/ 2147483647 h 577"/>
                  <a:gd name="T108" fmla="*/ 2147483647 w 617"/>
                  <a:gd name="T109" fmla="*/ 2147483647 h 577"/>
                  <a:gd name="T110" fmla="*/ 2147483647 w 617"/>
                  <a:gd name="T111" fmla="*/ 2147483647 h 577"/>
                  <a:gd name="T112" fmla="*/ 2147483647 w 617"/>
                  <a:gd name="T113" fmla="*/ 2147483647 h 577"/>
                  <a:gd name="T114" fmla="*/ 2147483647 w 617"/>
                  <a:gd name="T115" fmla="*/ 2147483647 h 577"/>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617"/>
                  <a:gd name="T175" fmla="*/ 0 h 577"/>
                  <a:gd name="T176" fmla="*/ 617 w 617"/>
                  <a:gd name="T177" fmla="*/ 577 h 577"/>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617" h="577">
                    <a:moveTo>
                      <a:pt x="521" y="72"/>
                    </a:moveTo>
                    <a:lnTo>
                      <a:pt x="495" y="8"/>
                    </a:lnTo>
                    <a:lnTo>
                      <a:pt x="442" y="8"/>
                    </a:lnTo>
                    <a:lnTo>
                      <a:pt x="408" y="0"/>
                    </a:lnTo>
                    <a:lnTo>
                      <a:pt x="304" y="72"/>
                    </a:lnTo>
                    <a:lnTo>
                      <a:pt x="243" y="80"/>
                    </a:lnTo>
                    <a:lnTo>
                      <a:pt x="147" y="80"/>
                    </a:lnTo>
                    <a:lnTo>
                      <a:pt x="156" y="40"/>
                    </a:lnTo>
                    <a:lnTo>
                      <a:pt x="95" y="24"/>
                    </a:lnTo>
                    <a:lnTo>
                      <a:pt x="61" y="64"/>
                    </a:lnTo>
                    <a:lnTo>
                      <a:pt x="43" y="96"/>
                    </a:lnTo>
                    <a:lnTo>
                      <a:pt x="0" y="104"/>
                    </a:lnTo>
                    <a:lnTo>
                      <a:pt x="26" y="128"/>
                    </a:lnTo>
                    <a:lnTo>
                      <a:pt x="43" y="136"/>
                    </a:lnTo>
                    <a:lnTo>
                      <a:pt x="61" y="168"/>
                    </a:lnTo>
                    <a:lnTo>
                      <a:pt x="69" y="152"/>
                    </a:lnTo>
                    <a:lnTo>
                      <a:pt x="87" y="120"/>
                    </a:lnTo>
                    <a:lnTo>
                      <a:pt x="95" y="120"/>
                    </a:lnTo>
                    <a:lnTo>
                      <a:pt x="139" y="152"/>
                    </a:lnTo>
                    <a:lnTo>
                      <a:pt x="156" y="168"/>
                    </a:lnTo>
                    <a:lnTo>
                      <a:pt x="191" y="192"/>
                    </a:lnTo>
                    <a:lnTo>
                      <a:pt x="260" y="288"/>
                    </a:lnTo>
                    <a:lnTo>
                      <a:pt x="243" y="328"/>
                    </a:lnTo>
                    <a:lnTo>
                      <a:pt x="208" y="384"/>
                    </a:lnTo>
                    <a:lnTo>
                      <a:pt x="182" y="376"/>
                    </a:lnTo>
                    <a:lnTo>
                      <a:pt x="156" y="344"/>
                    </a:lnTo>
                    <a:lnTo>
                      <a:pt x="147" y="352"/>
                    </a:lnTo>
                    <a:lnTo>
                      <a:pt x="78" y="448"/>
                    </a:lnTo>
                    <a:lnTo>
                      <a:pt x="95" y="488"/>
                    </a:lnTo>
                    <a:lnTo>
                      <a:pt x="104" y="504"/>
                    </a:lnTo>
                    <a:lnTo>
                      <a:pt x="147" y="488"/>
                    </a:lnTo>
                    <a:lnTo>
                      <a:pt x="191" y="448"/>
                    </a:lnTo>
                    <a:lnTo>
                      <a:pt x="174" y="432"/>
                    </a:lnTo>
                    <a:lnTo>
                      <a:pt x="191" y="408"/>
                    </a:lnTo>
                    <a:lnTo>
                      <a:pt x="208" y="416"/>
                    </a:lnTo>
                    <a:lnTo>
                      <a:pt x="226" y="400"/>
                    </a:lnTo>
                    <a:lnTo>
                      <a:pt x="243" y="424"/>
                    </a:lnTo>
                    <a:lnTo>
                      <a:pt x="252" y="464"/>
                    </a:lnTo>
                    <a:lnTo>
                      <a:pt x="295" y="424"/>
                    </a:lnTo>
                    <a:lnTo>
                      <a:pt x="312" y="432"/>
                    </a:lnTo>
                    <a:lnTo>
                      <a:pt x="330" y="456"/>
                    </a:lnTo>
                    <a:lnTo>
                      <a:pt x="356" y="448"/>
                    </a:lnTo>
                    <a:lnTo>
                      <a:pt x="382" y="448"/>
                    </a:lnTo>
                    <a:lnTo>
                      <a:pt x="399" y="456"/>
                    </a:lnTo>
                    <a:lnTo>
                      <a:pt x="425" y="408"/>
                    </a:lnTo>
                    <a:lnTo>
                      <a:pt x="477" y="400"/>
                    </a:lnTo>
                    <a:lnTo>
                      <a:pt x="529" y="552"/>
                    </a:lnTo>
                    <a:lnTo>
                      <a:pt x="590" y="576"/>
                    </a:lnTo>
                    <a:lnTo>
                      <a:pt x="590" y="464"/>
                    </a:lnTo>
                    <a:lnTo>
                      <a:pt x="573" y="424"/>
                    </a:lnTo>
                    <a:lnTo>
                      <a:pt x="581" y="400"/>
                    </a:lnTo>
                    <a:lnTo>
                      <a:pt x="616" y="368"/>
                    </a:lnTo>
                    <a:lnTo>
                      <a:pt x="607" y="352"/>
                    </a:lnTo>
                    <a:lnTo>
                      <a:pt x="590" y="352"/>
                    </a:lnTo>
                    <a:lnTo>
                      <a:pt x="538" y="152"/>
                    </a:lnTo>
                    <a:lnTo>
                      <a:pt x="599" y="104"/>
                    </a:lnTo>
                    <a:lnTo>
                      <a:pt x="581" y="64"/>
                    </a:lnTo>
                    <a:lnTo>
                      <a:pt x="521" y="72"/>
                    </a:lnTo>
                  </a:path>
                </a:pathLst>
              </a:custGeom>
              <a:solidFill>
                <a:srgbClr val="CBCBCB"/>
              </a:solidFill>
              <a:ln w="12700" cap="rnd">
                <a:solidFill>
                  <a:schemeClr val="bg1"/>
                </a:solidFill>
                <a:round/>
                <a:headEnd/>
                <a:tailEnd/>
              </a:ln>
            </p:spPr>
            <p:txBody>
              <a:bodyPr/>
              <a:lstStyle/>
              <a:p>
                <a:endParaRPr lang="de-CH" dirty="0"/>
              </a:p>
            </p:txBody>
          </p:sp>
          <p:sp>
            <p:nvSpPr>
              <p:cNvPr id="42" name="Freeform 114"/>
              <p:cNvSpPr>
                <a:spLocks/>
              </p:cNvSpPr>
              <p:nvPr/>
            </p:nvSpPr>
            <p:spPr bwMode="auto">
              <a:xfrm>
                <a:off x="3978" y="1672"/>
                <a:ext cx="184" cy="191"/>
              </a:xfrm>
              <a:custGeom>
                <a:avLst/>
                <a:gdLst>
                  <a:gd name="T0" fmla="*/ 2147483647 w 140"/>
                  <a:gd name="T1" fmla="*/ 0 h 145"/>
                  <a:gd name="T2" fmla="*/ 2147483647 w 140"/>
                  <a:gd name="T3" fmla="*/ 2147483647 h 145"/>
                  <a:gd name="T4" fmla="*/ 2147483647 w 140"/>
                  <a:gd name="T5" fmla="*/ 2147483647 h 145"/>
                  <a:gd name="T6" fmla="*/ 0 w 140"/>
                  <a:gd name="T7" fmla="*/ 2147483647 h 145"/>
                  <a:gd name="T8" fmla="*/ 0 w 140"/>
                  <a:gd name="T9" fmla="*/ 2147483647 h 145"/>
                  <a:gd name="T10" fmla="*/ 2147483647 w 140"/>
                  <a:gd name="T11" fmla="*/ 2147483647 h 145"/>
                  <a:gd name="T12" fmla="*/ 2147483647 w 140"/>
                  <a:gd name="T13" fmla="*/ 2147483647 h 145"/>
                  <a:gd name="T14" fmla="*/ 2147483647 w 140"/>
                  <a:gd name="T15" fmla="*/ 2147483647 h 145"/>
                  <a:gd name="T16" fmla="*/ 2147483647 w 140"/>
                  <a:gd name="T17" fmla="*/ 2147483647 h 145"/>
                  <a:gd name="T18" fmla="*/ 2147483647 w 140"/>
                  <a:gd name="T19" fmla="*/ 2147483647 h 145"/>
                  <a:gd name="T20" fmla="*/ 2147483647 w 140"/>
                  <a:gd name="T21" fmla="*/ 2147483647 h 145"/>
                  <a:gd name="T22" fmla="*/ 2147483647 w 140"/>
                  <a:gd name="T23" fmla="*/ 2147483647 h 145"/>
                  <a:gd name="T24" fmla="*/ 2147483647 w 140"/>
                  <a:gd name="T25" fmla="*/ 0 h 145"/>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40"/>
                  <a:gd name="T40" fmla="*/ 0 h 145"/>
                  <a:gd name="T41" fmla="*/ 140 w 140"/>
                  <a:gd name="T42" fmla="*/ 145 h 145"/>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40" h="145">
                    <a:moveTo>
                      <a:pt x="35" y="0"/>
                    </a:moveTo>
                    <a:lnTo>
                      <a:pt x="9" y="8"/>
                    </a:lnTo>
                    <a:lnTo>
                      <a:pt x="35" y="32"/>
                    </a:lnTo>
                    <a:lnTo>
                      <a:pt x="0" y="56"/>
                    </a:lnTo>
                    <a:lnTo>
                      <a:pt x="0" y="88"/>
                    </a:lnTo>
                    <a:lnTo>
                      <a:pt x="9" y="128"/>
                    </a:lnTo>
                    <a:lnTo>
                      <a:pt x="17" y="128"/>
                    </a:lnTo>
                    <a:lnTo>
                      <a:pt x="87" y="144"/>
                    </a:lnTo>
                    <a:lnTo>
                      <a:pt x="139" y="112"/>
                    </a:lnTo>
                    <a:lnTo>
                      <a:pt x="139" y="72"/>
                    </a:lnTo>
                    <a:lnTo>
                      <a:pt x="130" y="32"/>
                    </a:lnTo>
                    <a:lnTo>
                      <a:pt x="96" y="32"/>
                    </a:lnTo>
                    <a:lnTo>
                      <a:pt x="35" y="0"/>
                    </a:lnTo>
                  </a:path>
                </a:pathLst>
              </a:custGeom>
              <a:solidFill>
                <a:srgbClr val="CBCBCB"/>
              </a:solidFill>
              <a:ln w="12700" cap="rnd">
                <a:solidFill>
                  <a:schemeClr val="bg1"/>
                </a:solidFill>
                <a:round/>
                <a:headEnd/>
                <a:tailEnd/>
              </a:ln>
            </p:spPr>
            <p:txBody>
              <a:bodyPr/>
              <a:lstStyle/>
              <a:p>
                <a:endParaRPr lang="de-CH" dirty="0"/>
              </a:p>
            </p:txBody>
          </p:sp>
          <p:sp>
            <p:nvSpPr>
              <p:cNvPr id="43" name="Freeform 116"/>
              <p:cNvSpPr>
                <a:spLocks/>
              </p:cNvSpPr>
              <p:nvPr/>
            </p:nvSpPr>
            <p:spPr bwMode="auto">
              <a:xfrm>
                <a:off x="3815" y="1552"/>
                <a:ext cx="501" cy="307"/>
              </a:xfrm>
              <a:custGeom>
                <a:avLst/>
                <a:gdLst>
                  <a:gd name="T0" fmla="*/ 2147483647 w 383"/>
                  <a:gd name="T1" fmla="*/ 2147483647 h 233"/>
                  <a:gd name="T2" fmla="*/ 2147483647 w 383"/>
                  <a:gd name="T3" fmla="*/ 2147483647 h 233"/>
                  <a:gd name="T4" fmla="*/ 2147483647 w 383"/>
                  <a:gd name="T5" fmla="*/ 2147483647 h 233"/>
                  <a:gd name="T6" fmla="*/ 2147483647 w 383"/>
                  <a:gd name="T7" fmla="*/ 2147483647 h 233"/>
                  <a:gd name="T8" fmla="*/ 2147483647 w 383"/>
                  <a:gd name="T9" fmla="*/ 2147483647 h 233"/>
                  <a:gd name="T10" fmla="*/ 2147483647 w 383"/>
                  <a:gd name="T11" fmla="*/ 2147483647 h 233"/>
                  <a:gd name="T12" fmla="*/ 2147483647 w 383"/>
                  <a:gd name="T13" fmla="*/ 2147483647 h 233"/>
                  <a:gd name="T14" fmla="*/ 2147483647 w 383"/>
                  <a:gd name="T15" fmla="*/ 2147483647 h 233"/>
                  <a:gd name="T16" fmla="*/ 2147483647 w 383"/>
                  <a:gd name="T17" fmla="*/ 2147483647 h 233"/>
                  <a:gd name="T18" fmla="*/ 2147483647 w 383"/>
                  <a:gd name="T19" fmla="*/ 2147483647 h 233"/>
                  <a:gd name="T20" fmla="*/ 2147483647 w 383"/>
                  <a:gd name="T21" fmla="*/ 2147483647 h 233"/>
                  <a:gd name="T22" fmla="*/ 2147483647 w 383"/>
                  <a:gd name="T23" fmla="*/ 2147483647 h 233"/>
                  <a:gd name="T24" fmla="*/ 0 w 383"/>
                  <a:gd name="T25" fmla="*/ 2147483647 h 233"/>
                  <a:gd name="T26" fmla="*/ 2147483647 w 383"/>
                  <a:gd name="T27" fmla="*/ 2147483647 h 233"/>
                  <a:gd name="T28" fmla="*/ 2147483647 w 383"/>
                  <a:gd name="T29" fmla="*/ 2147483647 h 233"/>
                  <a:gd name="T30" fmla="*/ 2147483647 w 383"/>
                  <a:gd name="T31" fmla="*/ 2147483647 h 233"/>
                  <a:gd name="T32" fmla="*/ 2147483647 w 383"/>
                  <a:gd name="T33" fmla="*/ 2147483647 h 233"/>
                  <a:gd name="T34" fmla="*/ 2147483647 w 383"/>
                  <a:gd name="T35" fmla="*/ 0 h 233"/>
                  <a:gd name="T36" fmla="*/ 2147483647 w 383"/>
                  <a:gd name="T37" fmla="*/ 0 h 233"/>
                  <a:gd name="T38" fmla="*/ 2147483647 w 383"/>
                  <a:gd name="T39" fmla="*/ 2147483647 h 233"/>
                  <a:gd name="T40" fmla="*/ 2147483647 w 383"/>
                  <a:gd name="T41" fmla="*/ 2147483647 h 233"/>
                  <a:gd name="T42" fmla="*/ 2147483647 w 383"/>
                  <a:gd name="T43" fmla="*/ 2147483647 h 233"/>
                  <a:gd name="T44" fmla="*/ 2147483647 w 383"/>
                  <a:gd name="T45" fmla="*/ 2147483647 h 233"/>
                  <a:gd name="T46" fmla="*/ 2147483647 w 383"/>
                  <a:gd name="T47" fmla="*/ 2147483647 h 233"/>
                  <a:gd name="T48" fmla="*/ 2147483647 w 383"/>
                  <a:gd name="T49" fmla="*/ 2147483647 h 233"/>
                  <a:gd name="T50" fmla="*/ 2147483647 w 383"/>
                  <a:gd name="T51" fmla="*/ 2147483647 h 233"/>
                  <a:gd name="T52" fmla="*/ 2147483647 w 383"/>
                  <a:gd name="T53" fmla="*/ 2147483647 h 233"/>
                  <a:gd name="T54" fmla="*/ 2147483647 w 383"/>
                  <a:gd name="T55" fmla="*/ 2147483647 h 233"/>
                  <a:gd name="T56" fmla="*/ 2147483647 w 383"/>
                  <a:gd name="T57" fmla="*/ 2147483647 h 233"/>
                  <a:gd name="T58" fmla="*/ 2147483647 w 383"/>
                  <a:gd name="T59" fmla="*/ 2147483647 h 233"/>
                  <a:gd name="T60" fmla="*/ 2147483647 w 383"/>
                  <a:gd name="T61" fmla="*/ 2147483647 h 233"/>
                  <a:gd name="T62" fmla="*/ 2147483647 w 383"/>
                  <a:gd name="T63" fmla="*/ 2147483647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383"/>
                  <a:gd name="T97" fmla="*/ 0 h 233"/>
                  <a:gd name="T98" fmla="*/ 383 w 383"/>
                  <a:gd name="T99" fmla="*/ 233 h 233"/>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383" h="233">
                    <a:moveTo>
                      <a:pt x="226" y="128"/>
                    </a:moveTo>
                    <a:lnTo>
                      <a:pt x="165" y="96"/>
                    </a:lnTo>
                    <a:lnTo>
                      <a:pt x="139" y="104"/>
                    </a:lnTo>
                    <a:lnTo>
                      <a:pt x="165" y="128"/>
                    </a:lnTo>
                    <a:lnTo>
                      <a:pt x="130" y="152"/>
                    </a:lnTo>
                    <a:lnTo>
                      <a:pt x="130" y="184"/>
                    </a:lnTo>
                    <a:lnTo>
                      <a:pt x="139" y="224"/>
                    </a:lnTo>
                    <a:lnTo>
                      <a:pt x="104" y="224"/>
                    </a:lnTo>
                    <a:lnTo>
                      <a:pt x="52" y="232"/>
                    </a:lnTo>
                    <a:lnTo>
                      <a:pt x="35" y="208"/>
                    </a:lnTo>
                    <a:lnTo>
                      <a:pt x="35" y="168"/>
                    </a:lnTo>
                    <a:lnTo>
                      <a:pt x="9" y="152"/>
                    </a:lnTo>
                    <a:lnTo>
                      <a:pt x="0" y="120"/>
                    </a:lnTo>
                    <a:lnTo>
                      <a:pt x="52" y="80"/>
                    </a:lnTo>
                    <a:lnTo>
                      <a:pt x="87" y="64"/>
                    </a:lnTo>
                    <a:lnTo>
                      <a:pt x="130" y="80"/>
                    </a:lnTo>
                    <a:lnTo>
                      <a:pt x="208" y="40"/>
                    </a:lnTo>
                    <a:lnTo>
                      <a:pt x="304" y="0"/>
                    </a:lnTo>
                    <a:lnTo>
                      <a:pt x="347" y="0"/>
                    </a:lnTo>
                    <a:lnTo>
                      <a:pt x="382" y="24"/>
                    </a:lnTo>
                    <a:lnTo>
                      <a:pt x="365" y="48"/>
                    </a:lnTo>
                    <a:lnTo>
                      <a:pt x="347" y="32"/>
                    </a:lnTo>
                    <a:lnTo>
                      <a:pt x="313" y="32"/>
                    </a:lnTo>
                    <a:lnTo>
                      <a:pt x="304" y="40"/>
                    </a:lnTo>
                    <a:lnTo>
                      <a:pt x="330" y="72"/>
                    </a:lnTo>
                    <a:lnTo>
                      <a:pt x="321" y="80"/>
                    </a:lnTo>
                    <a:lnTo>
                      <a:pt x="295" y="80"/>
                    </a:lnTo>
                    <a:lnTo>
                      <a:pt x="278" y="64"/>
                    </a:lnTo>
                    <a:lnTo>
                      <a:pt x="252" y="64"/>
                    </a:lnTo>
                    <a:lnTo>
                      <a:pt x="260" y="104"/>
                    </a:lnTo>
                    <a:lnTo>
                      <a:pt x="260" y="128"/>
                    </a:lnTo>
                    <a:lnTo>
                      <a:pt x="226" y="128"/>
                    </a:lnTo>
                  </a:path>
                </a:pathLst>
              </a:custGeom>
              <a:solidFill>
                <a:srgbClr val="CBCBCB"/>
              </a:solidFill>
              <a:ln w="12700" cap="rnd">
                <a:solidFill>
                  <a:schemeClr val="bg1"/>
                </a:solidFill>
                <a:round/>
                <a:headEnd/>
                <a:tailEnd/>
              </a:ln>
            </p:spPr>
            <p:txBody>
              <a:bodyPr/>
              <a:lstStyle/>
              <a:p>
                <a:endParaRPr lang="de-CH" dirty="0"/>
              </a:p>
            </p:txBody>
          </p:sp>
          <p:sp>
            <p:nvSpPr>
              <p:cNvPr id="44" name="Freeform 115"/>
              <p:cNvSpPr>
                <a:spLocks/>
              </p:cNvSpPr>
              <p:nvPr/>
            </p:nvSpPr>
            <p:spPr bwMode="auto">
              <a:xfrm>
                <a:off x="4138" y="1630"/>
                <a:ext cx="58" cy="54"/>
              </a:xfrm>
              <a:custGeom>
                <a:avLst/>
                <a:gdLst>
                  <a:gd name="T0" fmla="*/ 2147483647 w 44"/>
                  <a:gd name="T1" fmla="*/ 0 h 41"/>
                  <a:gd name="T2" fmla="*/ 0 w 44"/>
                  <a:gd name="T3" fmla="*/ 0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0"/>
                    </a:lnTo>
                    <a:lnTo>
                      <a:pt x="9" y="40"/>
                    </a:lnTo>
                    <a:lnTo>
                      <a:pt x="43" y="16"/>
                    </a:lnTo>
                    <a:lnTo>
                      <a:pt x="26" y="0"/>
                    </a:lnTo>
                  </a:path>
                </a:pathLst>
              </a:custGeom>
              <a:solidFill>
                <a:srgbClr val="CBCBCB"/>
              </a:solidFill>
              <a:ln w="12700" cap="rnd">
                <a:solidFill>
                  <a:schemeClr val="bg1"/>
                </a:solidFill>
                <a:round/>
                <a:headEnd/>
                <a:tailEnd/>
              </a:ln>
            </p:spPr>
            <p:txBody>
              <a:bodyPr/>
              <a:lstStyle/>
              <a:p>
                <a:endParaRPr lang="de-CH" dirty="0"/>
              </a:p>
            </p:txBody>
          </p:sp>
          <p:sp>
            <p:nvSpPr>
              <p:cNvPr id="45" name="Freeform 117"/>
              <p:cNvSpPr>
                <a:spLocks/>
              </p:cNvSpPr>
              <p:nvPr/>
            </p:nvSpPr>
            <p:spPr bwMode="auto">
              <a:xfrm>
                <a:off x="1158" y="3249"/>
                <a:ext cx="1112" cy="858"/>
              </a:xfrm>
              <a:custGeom>
                <a:avLst/>
                <a:gdLst>
                  <a:gd name="T0" fmla="*/ 1 w 1910"/>
                  <a:gd name="T1" fmla="*/ 0 h 1570"/>
                  <a:gd name="T2" fmla="*/ 1 w 1910"/>
                  <a:gd name="T3" fmla="*/ 0 h 1570"/>
                  <a:gd name="T4" fmla="*/ 1 w 1910"/>
                  <a:gd name="T5" fmla="*/ 0 h 1570"/>
                  <a:gd name="T6" fmla="*/ 1 w 1910"/>
                  <a:gd name="T7" fmla="*/ 0 h 1570"/>
                  <a:gd name="T8" fmla="*/ 1 w 1910"/>
                  <a:gd name="T9" fmla="*/ 0 h 1570"/>
                  <a:gd name="T10" fmla="*/ 1 w 1910"/>
                  <a:gd name="T11" fmla="*/ 0 h 1570"/>
                  <a:gd name="T12" fmla="*/ 1 w 1910"/>
                  <a:gd name="T13" fmla="*/ 0 h 1570"/>
                  <a:gd name="T14" fmla="*/ 1 w 1910"/>
                  <a:gd name="T15" fmla="*/ 0 h 1570"/>
                  <a:gd name="T16" fmla="*/ 1 w 1910"/>
                  <a:gd name="T17" fmla="*/ 0 h 1570"/>
                  <a:gd name="T18" fmla="*/ 1 w 1910"/>
                  <a:gd name="T19" fmla="*/ 0 h 1570"/>
                  <a:gd name="T20" fmla="*/ 1 w 1910"/>
                  <a:gd name="T21" fmla="*/ 0 h 1570"/>
                  <a:gd name="T22" fmla="*/ 0 w 1910"/>
                  <a:gd name="T23" fmla="*/ 0 h 1570"/>
                  <a:gd name="T24" fmla="*/ 0 w 1910"/>
                  <a:gd name="T25" fmla="*/ 0 h 1570"/>
                  <a:gd name="T26" fmla="*/ 0 w 1910"/>
                  <a:gd name="T27" fmla="*/ 0 h 1570"/>
                  <a:gd name="T28" fmla="*/ 0 w 1910"/>
                  <a:gd name="T29" fmla="*/ 0 h 1570"/>
                  <a:gd name="T30" fmla="*/ 0 w 1910"/>
                  <a:gd name="T31" fmla="*/ 0 h 1570"/>
                  <a:gd name="T32" fmla="*/ 0 w 1910"/>
                  <a:gd name="T33" fmla="*/ 0 h 1570"/>
                  <a:gd name="T34" fmla="*/ 0 w 1910"/>
                  <a:gd name="T35" fmla="*/ 0 h 1570"/>
                  <a:gd name="T36" fmla="*/ 0 w 1910"/>
                  <a:gd name="T37" fmla="*/ 0 h 1570"/>
                  <a:gd name="T38" fmla="*/ 0 w 1910"/>
                  <a:gd name="T39" fmla="*/ 0 h 1570"/>
                  <a:gd name="T40" fmla="*/ 0 w 1910"/>
                  <a:gd name="T41" fmla="*/ 0 h 1570"/>
                  <a:gd name="T42" fmla="*/ 0 w 1910"/>
                  <a:gd name="T43" fmla="*/ 0 h 1570"/>
                  <a:gd name="T44" fmla="*/ 0 w 1910"/>
                  <a:gd name="T45" fmla="*/ 0 h 1570"/>
                  <a:gd name="T46" fmla="*/ 0 w 1910"/>
                  <a:gd name="T47" fmla="*/ 0 h 1570"/>
                  <a:gd name="T48" fmla="*/ 0 w 1910"/>
                  <a:gd name="T49" fmla="*/ 0 h 1570"/>
                  <a:gd name="T50" fmla="*/ 0 w 1910"/>
                  <a:gd name="T51" fmla="*/ 0 h 1570"/>
                  <a:gd name="T52" fmla="*/ 0 w 1910"/>
                  <a:gd name="T53" fmla="*/ 0 h 1570"/>
                  <a:gd name="T54" fmla="*/ 0 w 1910"/>
                  <a:gd name="T55" fmla="*/ 0 h 1570"/>
                  <a:gd name="T56" fmla="*/ 1 w 1910"/>
                  <a:gd name="T57" fmla="*/ 0 h 1570"/>
                  <a:gd name="T58" fmla="*/ 1 w 1910"/>
                  <a:gd name="T59" fmla="*/ 0 h 1570"/>
                  <a:gd name="T60" fmla="*/ 1 w 1910"/>
                  <a:gd name="T61" fmla="*/ 0 h 1570"/>
                  <a:gd name="T62" fmla="*/ 1 w 1910"/>
                  <a:gd name="T63" fmla="*/ 0 h 1570"/>
                  <a:gd name="T64" fmla="*/ 1 w 1910"/>
                  <a:gd name="T65" fmla="*/ 0 h 1570"/>
                  <a:gd name="T66" fmla="*/ 1 w 1910"/>
                  <a:gd name="T67" fmla="*/ 0 h 1570"/>
                  <a:gd name="T68" fmla="*/ 1 w 1910"/>
                  <a:gd name="T69" fmla="*/ 0 h 1570"/>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910"/>
                  <a:gd name="T106" fmla="*/ 0 h 1570"/>
                  <a:gd name="T107" fmla="*/ 1910 w 1910"/>
                  <a:gd name="T108" fmla="*/ 1570 h 1570"/>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910" h="1570">
                    <a:moveTo>
                      <a:pt x="1610" y="20"/>
                    </a:moveTo>
                    <a:cubicBezTo>
                      <a:pt x="1666" y="31"/>
                      <a:pt x="1643" y="30"/>
                      <a:pt x="1680" y="30"/>
                    </a:cubicBezTo>
                    <a:lnTo>
                      <a:pt x="1650" y="250"/>
                    </a:lnTo>
                    <a:lnTo>
                      <a:pt x="1760" y="380"/>
                    </a:lnTo>
                    <a:lnTo>
                      <a:pt x="1780" y="640"/>
                    </a:lnTo>
                    <a:lnTo>
                      <a:pt x="1910" y="810"/>
                    </a:lnTo>
                    <a:lnTo>
                      <a:pt x="1810" y="1030"/>
                    </a:lnTo>
                    <a:lnTo>
                      <a:pt x="1680" y="1100"/>
                    </a:lnTo>
                    <a:lnTo>
                      <a:pt x="1590" y="1220"/>
                    </a:lnTo>
                    <a:lnTo>
                      <a:pt x="1250" y="1460"/>
                    </a:lnTo>
                    <a:lnTo>
                      <a:pt x="1090" y="1390"/>
                    </a:lnTo>
                    <a:lnTo>
                      <a:pt x="710" y="1570"/>
                    </a:lnTo>
                    <a:lnTo>
                      <a:pt x="350" y="950"/>
                    </a:lnTo>
                    <a:lnTo>
                      <a:pt x="240" y="1010"/>
                    </a:lnTo>
                    <a:lnTo>
                      <a:pt x="190" y="910"/>
                    </a:lnTo>
                    <a:lnTo>
                      <a:pt x="260" y="740"/>
                    </a:lnTo>
                    <a:lnTo>
                      <a:pt x="90" y="740"/>
                    </a:lnTo>
                    <a:lnTo>
                      <a:pt x="0" y="630"/>
                    </a:lnTo>
                    <a:lnTo>
                      <a:pt x="170" y="270"/>
                    </a:lnTo>
                    <a:lnTo>
                      <a:pt x="30" y="60"/>
                    </a:lnTo>
                    <a:lnTo>
                      <a:pt x="70" y="0"/>
                    </a:lnTo>
                    <a:lnTo>
                      <a:pt x="240" y="20"/>
                    </a:lnTo>
                    <a:lnTo>
                      <a:pt x="300" y="150"/>
                    </a:lnTo>
                    <a:lnTo>
                      <a:pt x="570" y="580"/>
                    </a:lnTo>
                    <a:lnTo>
                      <a:pt x="670" y="550"/>
                    </a:lnTo>
                    <a:lnTo>
                      <a:pt x="850" y="320"/>
                    </a:lnTo>
                    <a:lnTo>
                      <a:pt x="860" y="220"/>
                    </a:lnTo>
                    <a:lnTo>
                      <a:pt x="940" y="190"/>
                    </a:lnTo>
                    <a:lnTo>
                      <a:pt x="1020" y="170"/>
                    </a:lnTo>
                    <a:lnTo>
                      <a:pt x="1080" y="50"/>
                    </a:lnTo>
                    <a:lnTo>
                      <a:pt x="1150" y="80"/>
                    </a:lnTo>
                    <a:lnTo>
                      <a:pt x="1160" y="140"/>
                    </a:lnTo>
                    <a:lnTo>
                      <a:pt x="1450" y="30"/>
                    </a:lnTo>
                    <a:lnTo>
                      <a:pt x="1540" y="80"/>
                    </a:lnTo>
                    <a:lnTo>
                      <a:pt x="1610" y="20"/>
                    </a:lnTo>
                    <a:close/>
                  </a:path>
                </a:pathLst>
              </a:custGeom>
              <a:solidFill>
                <a:srgbClr val="CBCBCB"/>
              </a:solidFill>
              <a:ln w="12700">
                <a:solidFill>
                  <a:schemeClr val="bg1"/>
                </a:solidFill>
                <a:round/>
                <a:headEnd/>
                <a:tailEnd/>
              </a:ln>
            </p:spPr>
            <p:txBody>
              <a:bodyPr/>
              <a:lstStyle/>
              <a:p>
                <a:endParaRPr lang="de-CH" dirty="0"/>
              </a:p>
            </p:txBody>
          </p:sp>
          <p:sp>
            <p:nvSpPr>
              <p:cNvPr id="46" name="Freeform 118"/>
              <p:cNvSpPr>
                <a:spLocks/>
              </p:cNvSpPr>
              <p:nvPr/>
            </p:nvSpPr>
            <p:spPr bwMode="auto">
              <a:xfrm>
                <a:off x="1286" y="1809"/>
                <a:ext cx="763" cy="407"/>
              </a:xfrm>
              <a:custGeom>
                <a:avLst/>
                <a:gdLst>
                  <a:gd name="T0" fmla="*/ 0 w 1330"/>
                  <a:gd name="T1" fmla="*/ 0 h 720"/>
                  <a:gd name="T2" fmla="*/ 0 w 1330"/>
                  <a:gd name="T3" fmla="*/ 0 h 720"/>
                  <a:gd name="T4" fmla="*/ 0 w 1330"/>
                  <a:gd name="T5" fmla="*/ 0 h 720"/>
                  <a:gd name="T6" fmla="*/ 0 w 1330"/>
                  <a:gd name="T7" fmla="*/ 0 h 720"/>
                  <a:gd name="T8" fmla="*/ 0 w 1330"/>
                  <a:gd name="T9" fmla="*/ 0 h 720"/>
                  <a:gd name="T10" fmla="*/ 0 w 1330"/>
                  <a:gd name="T11" fmla="*/ 0 h 720"/>
                  <a:gd name="T12" fmla="*/ 0 w 1330"/>
                  <a:gd name="T13" fmla="*/ 0 h 720"/>
                  <a:gd name="T14" fmla="*/ 0 w 1330"/>
                  <a:gd name="T15" fmla="*/ 0 h 720"/>
                  <a:gd name="T16" fmla="*/ 0 w 1330"/>
                  <a:gd name="T17" fmla="*/ 0 h 720"/>
                  <a:gd name="T18" fmla="*/ 0 w 1330"/>
                  <a:gd name="T19" fmla="*/ 0 h 720"/>
                  <a:gd name="T20" fmla="*/ 0 w 1330"/>
                  <a:gd name="T21" fmla="*/ 0 h 720"/>
                  <a:gd name="T22" fmla="*/ 0 w 1330"/>
                  <a:gd name="T23" fmla="*/ 0 h 720"/>
                  <a:gd name="T24" fmla="*/ 0 w 1330"/>
                  <a:gd name="T25" fmla="*/ 0 h 720"/>
                  <a:gd name="T26" fmla="*/ 0 w 1330"/>
                  <a:gd name="T27" fmla="*/ 0 h 720"/>
                  <a:gd name="T28" fmla="*/ 0 w 1330"/>
                  <a:gd name="T29" fmla="*/ 0 h 720"/>
                  <a:gd name="T30" fmla="*/ 0 w 1330"/>
                  <a:gd name="T31" fmla="*/ 0 h 720"/>
                  <a:gd name="T32" fmla="*/ 0 w 1330"/>
                  <a:gd name="T33" fmla="*/ 0 h 720"/>
                  <a:gd name="T34" fmla="*/ 1 w 1330"/>
                  <a:gd name="T35" fmla="*/ 0 h 720"/>
                  <a:gd name="T36" fmla="*/ 1 w 1330"/>
                  <a:gd name="T37" fmla="*/ 0 h 720"/>
                  <a:gd name="T38" fmla="*/ 1 w 1330"/>
                  <a:gd name="T39" fmla="*/ 0 h 720"/>
                  <a:gd name="T40" fmla="*/ 0 w 1330"/>
                  <a:gd name="T41" fmla="*/ 0 h 720"/>
                  <a:gd name="T42" fmla="*/ 0 w 1330"/>
                  <a:gd name="T43" fmla="*/ 0 h 720"/>
                  <a:gd name="T44" fmla="*/ 0 w 1330"/>
                  <a:gd name="T45" fmla="*/ 0 h 7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330"/>
                  <a:gd name="T70" fmla="*/ 0 h 720"/>
                  <a:gd name="T71" fmla="*/ 1330 w 1330"/>
                  <a:gd name="T72" fmla="*/ 720 h 720"/>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330" h="720">
                    <a:moveTo>
                      <a:pt x="1040" y="420"/>
                    </a:moveTo>
                    <a:cubicBezTo>
                      <a:pt x="1034" y="421"/>
                      <a:pt x="978" y="434"/>
                      <a:pt x="970" y="440"/>
                    </a:cubicBezTo>
                    <a:cubicBezTo>
                      <a:pt x="903" y="484"/>
                      <a:pt x="975" y="457"/>
                      <a:pt x="910" y="490"/>
                    </a:cubicBezTo>
                    <a:cubicBezTo>
                      <a:pt x="864" y="512"/>
                      <a:pt x="892" y="487"/>
                      <a:pt x="870" y="510"/>
                    </a:cubicBezTo>
                    <a:lnTo>
                      <a:pt x="530" y="610"/>
                    </a:lnTo>
                    <a:lnTo>
                      <a:pt x="520" y="700"/>
                    </a:lnTo>
                    <a:lnTo>
                      <a:pt x="440" y="720"/>
                    </a:lnTo>
                    <a:lnTo>
                      <a:pt x="350" y="520"/>
                    </a:lnTo>
                    <a:lnTo>
                      <a:pt x="40" y="700"/>
                    </a:lnTo>
                    <a:lnTo>
                      <a:pt x="0" y="620"/>
                    </a:lnTo>
                    <a:lnTo>
                      <a:pt x="100" y="510"/>
                    </a:lnTo>
                    <a:lnTo>
                      <a:pt x="10" y="420"/>
                    </a:lnTo>
                    <a:lnTo>
                      <a:pt x="160" y="420"/>
                    </a:lnTo>
                    <a:lnTo>
                      <a:pt x="400" y="340"/>
                    </a:lnTo>
                    <a:lnTo>
                      <a:pt x="470" y="160"/>
                    </a:lnTo>
                    <a:lnTo>
                      <a:pt x="690" y="210"/>
                    </a:lnTo>
                    <a:lnTo>
                      <a:pt x="820" y="0"/>
                    </a:lnTo>
                    <a:lnTo>
                      <a:pt x="1330" y="10"/>
                    </a:lnTo>
                    <a:lnTo>
                      <a:pt x="1250" y="60"/>
                    </a:lnTo>
                    <a:lnTo>
                      <a:pt x="1160" y="190"/>
                    </a:lnTo>
                    <a:lnTo>
                      <a:pt x="1060" y="210"/>
                    </a:lnTo>
                    <a:lnTo>
                      <a:pt x="1000" y="300"/>
                    </a:lnTo>
                    <a:lnTo>
                      <a:pt x="1040" y="420"/>
                    </a:lnTo>
                    <a:close/>
                  </a:path>
                </a:pathLst>
              </a:custGeom>
              <a:solidFill>
                <a:srgbClr val="CBCBCB"/>
              </a:solidFill>
              <a:ln w="12700">
                <a:solidFill>
                  <a:schemeClr val="bg1"/>
                </a:solidFill>
                <a:round/>
                <a:headEnd/>
                <a:tailEnd/>
              </a:ln>
            </p:spPr>
            <p:txBody>
              <a:bodyPr/>
              <a:lstStyle/>
              <a:p>
                <a:endParaRPr lang="de-CH" dirty="0"/>
              </a:p>
            </p:txBody>
          </p:sp>
          <p:sp>
            <p:nvSpPr>
              <p:cNvPr id="47" name="Freeform 119"/>
              <p:cNvSpPr>
                <a:spLocks/>
              </p:cNvSpPr>
              <p:nvPr/>
            </p:nvSpPr>
            <p:spPr bwMode="auto">
              <a:xfrm rot="-139736">
                <a:off x="1152" y="2342"/>
                <a:ext cx="622" cy="836"/>
              </a:xfrm>
              <a:custGeom>
                <a:avLst/>
                <a:gdLst>
                  <a:gd name="T0" fmla="*/ 1 w 970"/>
                  <a:gd name="T1" fmla="*/ 0 h 1590"/>
                  <a:gd name="T2" fmla="*/ 1 w 970"/>
                  <a:gd name="T3" fmla="*/ 0 h 1590"/>
                  <a:gd name="T4" fmla="*/ 1 w 970"/>
                  <a:gd name="T5" fmla="*/ 0 h 1590"/>
                  <a:gd name="T6" fmla="*/ 1 w 970"/>
                  <a:gd name="T7" fmla="*/ 0 h 1590"/>
                  <a:gd name="T8" fmla="*/ 1 w 970"/>
                  <a:gd name="T9" fmla="*/ 0 h 1590"/>
                  <a:gd name="T10" fmla="*/ 1 w 970"/>
                  <a:gd name="T11" fmla="*/ 0 h 1590"/>
                  <a:gd name="T12" fmla="*/ 1 w 970"/>
                  <a:gd name="T13" fmla="*/ 0 h 1590"/>
                  <a:gd name="T14" fmla="*/ 1 w 970"/>
                  <a:gd name="T15" fmla="*/ 0 h 1590"/>
                  <a:gd name="T16" fmla="*/ 1 w 970"/>
                  <a:gd name="T17" fmla="*/ 0 h 1590"/>
                  <a:gd name="T18" fmla="*/ 1 w 970"/>
                  <a:gd name="T19" fmla="*/ 0 h 1590"/>
                  <a:gd name="T20" fmla="*/ 1 w 970"/>
                  <a:gd name="T21" fmla="*/ 0 h 1590"/>
                  <a:gd name="T22" fmla="*/ 1 w 970"/>
                  <a:gd name="T23" fmla="*/ 0 h 1590"/>
                  <a:gd name="T24" fmla="*/ 1 w 970"/>
                  <a:gd name="T25" fmla="*/ 0 h 1590"/>
                  <a:gd name="T26" fmla="*/ 0 w 970"/>
                  <a:gd name="T27" fmla="*/ 0 h 1590"/>
                  <a:gd name="T28" fmla="*/ 0 w 970"/>
                  <a:gd name="T29" fmla="*/ 0 h 1590"/>
                  <a:gd name="T30" fmla="*/ 0 w 970"/>
                  <a:gd name="T31" fmla="*/ 0 h 1590"/>
                  <a:gd name="T32" fmla="*/ 0 w 970"/>
                  <a:gd name="T33" fmla="*/ 0 h 1590"/>
                  <a:gd name="T34" fmla="*/ 0 w 970"/>
                  <a:gd name="T35" fmla="*/ 0 h 1590"/>
                  <a:gd name="T36" fmla="*/ 0 w 970"/>
                  <a:gd name="T37" fmla="*/ 0 h 1590"/>
                  <a:gd name="T38" fmla="*/ 0 w 970"/>
                  <a:gd name="T39" fmla="*/ 0 h 1590"/>
                  <a:gd name="T40" fmla="*/ 0 w 970"/>
                  <a:gd name="T41" fmla="*/ 0 h 1590"/>
                  <a:gd name="T42" fmla="*/ 0 w 970"/>
                  <a:gd name="T43" fmla="*/ 0 h 1590"/>
                  <a:gd name="T44" fmla="*/ 0 w 970"/>
                  <a:gd name="T45" fmla="*/ 0 h 1590"/>
                  <a:gd name="T46" fmla="*/ 0 w 970"/>
                  <a:gd name="T47" fmla="*/ 0 h 1590"/>
                  <a:gd name="T48" fmla="*/ 0 w 970"/>
                  <a:gd name="T49" fmla="*/ 0 h 1590"/>
                  <a:gd name="T50" fmla="*/ 0 w 970"/>
                  <a:gd name="T51" fmla="*/ 0 h 1590"/>
                  <a:gd name="T52" fmla="*/ 0 w 970"/>
                  <a:gd name="T53" fmla="*/ 0 h 1590"/>
                  <a:gd name="T54" fmla="*/ 0 w 970"/>
                  <a:gd name="T55" fmla="*/ 0 h 1590"/>
                  <a:gd name="T56" fmla="*/ 0 w 970"/>
                  <a:gd name="T57" fmla="*/ 0 h 1590"/>
                  <a:gd name="T58" fmla="*/ 0 w 970"/>
                  <a:gd name="T59" fmla="*/ 0 h 1590"/>
                  <a:gd name="T60" fmla="*/ 0 w 970"/>
                  <a:gd name="T61" fmla="*/ 0 h 1590"/>
                  <a:gd name="T62" fmla="*/ 0 w 970"/>
                  <a:gd name="T63" fmla="*/ 0 h 1590"/>
                  <a:gd name="T64" fmla="*/ 1 w 970"/>
                  <a:gd name="T65" fmla="*/ 0 h 1590"/>
                  <a:gd name="T66" fmla="*/ 1 w 970"/>
                  <a:gd name="T67" fmla="*/ 0 h 159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970"/>
                  <a:gd name="T103" fmla="*/ 0 h 1590"/>
                  <a:gd name="T104" fmla="*/ 970 w 970"/>
                  <a:gd name="T105" fmla="*/ 1590 h 1590"/>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970" h="1590">
                    <a:moveTo>
                      <a:pt x="648" y="88"/>
                    </a:moveTo>
                    <a:lnTo>
                      <a:pt x="760" y="300"/>
                    </a:lnTo>
                    <a:lnTo>
                      <a:pt x="840" y="280"/>
                    </a:lnTo>
                    <a:lnTo>
                      <a:pt x="730" y="400"/>
                    </a:lnTo>
                    <a:lnTo>
                      <a:pt x="870" y="810"/>
                    </a:lnTo>
                    <a:lnTo>
                      <a:pt x="810" y="860"/>
                    </a:lnTo>
                    <a:lnTo>
                      <a:pt x="890" y="860"/>
                    </a:lnTo>
                    <a:lnTo>
                      <a:pt x="970" y="1040"/>
                    </a:lnTo>
                    <a:lnTo>
                      <a:pt x="850" y="1120"/>
                    </a:lnTo>
                    <a:lnTo>
                      <a:pt x="940" y="1250"/>
                    </a:lnTo>
                    <a:lnTo>
                      <a:pt x="680" y="1380"/>
                    </a:lnTo>
                    <a:lnTo>
                      <a:pt x="630" y="1460"/>
                    </a:lnTo>
                    <a:lnTo>
                      <a:pt x="560" y="1470"/>
                    </a:lnTo>
                    <a:lnTo>
                      <a:pt x="410" y="1590"/>
                    </a:lnTo>
                    <a:lnTo>
                      <a:pt x="350" y="1590"/>
                    </a:lnTo>
                    <a:lnTo>
                      <a:pt x="360" y="1480"/>
                    </a:lnTo>
                    <a:lnTo>
                      <a:pt x="310" y="1390"/>
                    </a:lnTo>
                    <a:lnTo>
                      <a:pt x="220" y="1380"/>
                    </a:lnTo>
                    <a:lnTo>
                      <a:pt x="120" y="1450"/>
                    </a:lnTo>
                    <a:lnTo>
                      <a:pt x="0" y="1340"/>
                    </a:lnTo>
                    <a:lnTo>
                      <a:pt x="140" y="1320"/>
                    </a:lnTo>
                    <a:lnTo>
                      <a:pt x="220" y="1270"/>
                    </a:lnTo>
                    <a:lnTo>
                      <a:pt x="120" y="1180"/>
                    </a:lnTo>
                    <a:lnTo>
                      <a:pt x="20" y="1150"/>
                    </a:lnTo>
                    <a:lnTo>
                      <a:pt x="0" y="970"/>
                    </a:lnTo>
                    <a:lnTo>
                      <a:pt x="190" y="910"/>
                    </a:lnTo>
                    <a:lnTo>
                      <a:pt x="310" y="710"/>
                    </a:lnTo>
                    <a:lnTo>
                      <a:pt x="260" y="650"/>
                    </a:lnTo>
                    <a:lnTo>
                      <a:pt x="410" y="400"/>
                    </a:lnTo>
                    <a:lnTo>
                      <a:pt x="330" y="170"/>
                    </a:lnTo>
                    <a:lnTo>
                      <a:pt x="420" y="100"/>
                    </a:lnTo>
                    <a:lnTo>
                      <a:pt x="530" y="20"/>
                    </a:lnTo>
                    <a:lnTo>
                      <a:pt x="630" y="0"/>
                    </a:lnTo>
                    <a:lnTo>
                      <a:pt x="648" y="88"/>
                    </a:lnTo>
                    <a:close/>
                  </a:path>
                </a:pathLst>
              </a:custGeom>
              <a:solidFill>
                <a:srgbClr val="CBCBCB"/>
              </a:solidFill>
              <a:ln w="12700">
                <a:solidFill>
                  <a:schemeClr val="bg1"/>
                </a:solidFill>
                <a:round/>
                <a:headEnd/>
                <a:tailEnd/>
              </a:ln>
            </p:spPr>
            <p:txBody>
              <a:bodyPr/>
              <a:lstStyle/>
              <a:p>
                <a:endParaRPr lang="de-CH" dirty="0"/>
              </a:p>
            </p:txBody>
          </p:sp>
          <p:sp>
            <p:nvSpPr>
              <p:cNvPr id="48" name="Freeform 135"/>
              <p:cNvSpPr>
                <a:spLocks/>
              </p:cNvSpPr>
              <p:nvPr/>
            </p:nvSpPr>
            <p:spPr bwMode="auto">
              <a:xfrm>
                <a:off x="3026" y="2538"/>
                <a:ext cx="152" cy="132"/>
              </a:xfrm>
              <a:custGeom>
                <a:avLst/>
                <a:gdLst>
                  <a:gd name="T0" fmla="*/ 2147483647 w 114"/>
                  <a:gd name="T1" fmla="*/ 2147483647 h 97"/>
                  <a:gd name="T2" fmla="*/ 2147483647 w 114"/>
                  <a:gd name="T3" fmla="*/ 0 h 97"/>
                  <a:gd name="T4" fmla="*/ 0 w 114"/>
                  <a:gd name="T5" fmla="*/ 2147483647 h 97"/>
                  <a:gd name="T6" fmla="*/ 2147483647 w 114"/>
                  <a:gd name="T7" fmla="*/ 2147483647 h 97"/>
                  <a:gd name="T8" fmla="*/ 2147483647 w 114"/>
                  <a:gd name="T9" fmla="*/ 2147483647 h 97"/>
                  <a:gd name="T10" fmla="*/ 2147483647 w 114"/>
                  <a:gd name="T11" fmla="*/ 2147483647 h 97"/>
                  <a:gd name="T12" fmla="*/ 2147483647 w 114"/>
                  <a:gd name="T13" fmla="*/ 2147483647 h 97"/>
                  <a:gd name="T14" fmla="*/ 2147483647 w 114"/>
                  <a:gd name="T15" fmla="*/ 2147483647 h 97"/>
                  <a:gd name="T16" fmla="*/ 2147483647 w 114"/>
                  <a:gd name="T17" fmla="*/ 2147483647 h 97"/>
                  <a:gd name="T18" fmla="*/ 2147483647 w 114"/>
                  <a:gd name="T19" fmla="*/ 2147483647 h 9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14"/>
                  <a:gd name="T31" fmla="*/ 0 h 97"/>
                  <a:gd name="T32" fmla="*/ 114 w 114"/>
                  <a:gd name="T33" fmla="*/ 97 h 9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14" h="97">
                    <a:moveTo>
                      <a:pt x="52" y="16"/>
                    </a:moveTo>
                    <a:lnTo>
                      <a:pt x="35" y="0"/>
                    </a:lnTo>
                    <a:lnTo>
                      <a:pt x="0" y="24"/>
                    </a:lnTo>
                    <a:lnTo>
                      <a:pt x="35" y="64"/>
                    </a:lnTo>
                    <a:lnTo>
                      <a:pt x="26" y="88"/>
                    </a:lnTo>
                    <a:lnTo>
                      <a:pt x="52" y="96"/>
                    </a:lnTo>
                    <a:lnTo>
                      <a:pt x="96" y="88"/>
                    </a:lnTo>
                    <a:lnTo>
                      <a:pt x="113" y="32"/>
                    </a:lnTo>
                    <a:lnTo>
                      <a:pt x="96" y="8"/>
                    </a:lnTo>
                    <a:lnTo>
                      <a:pt x="52" y="16"/>
                    </a:lnTo>
                  </a:path>
                </a:pathLst>
              </a:custGeom>
              <a:solidFill>
                <a:srgbClr val="CBCBCB"/>
              </a:solidFill>
              <a:ln w="12700" cap="rnd">
                <a:solidFill>
                  <a:schemeClr val="bg1"/>
                </a:solidFill>
                <a:round/>
                <a:headEnd/>
                <a:tailEnd/>
              </a:ln>
            </p:spPr>
            <p:txBody>
              <a:bodyPr/>
              <a:lstStyle/>
              <a:p>
                <a:endParaRPr lang="de-CH" dirty="0"/>
              </a:p>
            </p:txBody>
          </p:sp>
          <p:sp>
            <p:nvSpPr>
              <p:cNvPr id="49" name="Freeform 84"/>
              <p:cNvSpPr>
                <a:spLocks/>
              </p:cNvSpPr>
              <p:nvPr/>
            </p:nvSpPr>
            <p:spPr bwMode="auto">
              <a:xfrm>
                <a:off x="2982" y="1198"/>
                <a:ext cx="692" cy="844"/>
              </a:xfrm>
              <a:custGeom>
                <a:avLst/>
                <a:gdLst>
                  <a:gd name="T0" fmla="*/ 2147483647 w 529"/>
                  <a:gd name="T1" fmla="*/ 2147483647 h 641"/>
                  <a:gd name="T2" fmla="*/ 2147483647 w 529"/>
                  <a:gd name="T3" fmla="*/ 2147483647 h 641"/>
                  <a:gd name="T4" fmla="*/ 2147483647 w 529"/>
                  <a:gd name="T5" fmla="*/ 2147483647 h 641"/>
                  <a:gd name="T6" fmla="*/ 2147483647 w 529"/>
                  <a:gd name="T7" fmla="*/ 2147483647 h 641"/>
                  <a:gd name="T8" fmla="*/ 2147483647 w 529"/>
                  <a:gd name="T9" fmla="*/ 2147483647 h 641"/>
                  <a:gd name="T10" fmla="*/ 2147483647 w 529"/>
                  <a:gd name="T11" fmla="*/ 2147483647 h 641"/>
                  <a:gd name="T12" fmla="*/ 2147483647 w 529"/>
                  <a:gd name="T13" fmla="*/ 2147483647 h 641"/>
                  <a:gd name="T14" fmla="*/ 2147483647 w 529"/>
                  <a:gd name="T15" fmla="*/ 2147483647 h 641"/>
                  <a:gd name="T16" fmla="*/ 2147483647 w 529"/>
                  <a:gd name="T17" fmla="*/ 2147483647 h 641"/>
                  <a:gd name="T18" fmla="*/ 0 w 529"/>
                  <a:gd name="T19" fmla="*/ 2147483647 h 641"/>
                  <a:gd name="T20" fmla="*/ 2147483647 w 529"/>
                  <a:gd name="T21" fmla="*/ 2147483647 h 641"/>
                  <a:gd name="T22" fmla="*/ 2147483647 w 529"/>
                  <a:gd name="T23" fmla="*/ 2147483647 h 641"/>
                  <a:gd name="T24" fmla="*/ 2147483647 w 529"/>
                  <a:gd name="T25" fmla="*/ 2147483647 h 641"/>
                  <a:gd name="T26" fmla="*/ 2147483647 w 529"/>
                  <a:gd name="T27" fmla="*/ 2147483647 h 641"/>
                  <a:gd name="T28" fmla="*/ 2147483647 w 529"/>
                  <a:gd name="T29" fmla="*/ 2147483647 h 641"/>
                  <a:gd name="T30" fmla="*/ 2147483647 w 529"/>
                  <a:gd name="T31" fmla="*/ 2147483647 h 641"/>
                  <a:gd name="T32" fmla="*/ 2147483647 w 529"/>
                  <a:gd name="T33" fmla="*/ 2147483647 h 641"/>
                  <a:gd name="T34" fmla="*/ 2147483647 w 529"/>
                  <a:gd name="T35" fmla="*/ 2147483647 h 641"/>
                  <a:gd name="T36" fmla="*/ 2147483647 w 529"/>
                  <a:gd name="T37" fmla="*/ 2147483647 h 641"/>
                  <a:gd name="T38" fmla="*/ 2147483647 w 529"/>
                  <a:gd name="T39" fmla="*/ 2147483647 h 641"/>
                  <a:gd name="T40" fmla="*/ 2147483647 w 529"/>
                  <a:gd name="T41" fmla="*/ 2147483647 h 641"/>
                  <a:gd name="T42" fmla="*/ 2147483647 w 529"/>
                  <a:gd name="T43" fmla="*/ 2147483647 h 641"/>
                  <a:gd name="T44" fmla="*/ 2147483647 w 529"/>
                  <a:gd name="T45" fmla="*/ 2147483647 h 641"/>
                  <a:gd name="T46" fmla="*/ 2147483647 w 529"/>
                  <a:gd name="T47" fmla="*/ 2147483647 h 641"/>
                  <a:gd name="T48" fmla="*/ 2147483647 w 529"/>
                  <a:gd name="T49" fmla="*/ 2147483647 h 641"/>
                  <a:gd name="T50" fmla="*/ 2147483647 w 529"/>
                  <a:gd name="T51" fmla="*/ 2147483647 h 641"/>
                  <a:gd name="T52" fmla="*/ 2147483647 w 529"/>
                  <a:gd name="T53" fmla="*/ 2147483647 h 641"/>
                  <a:gd name="T54" fmla="*/ 2147483647 w 529"/>
                  <a:gd name="T55" fmla="*/ 2147483647 h 641"/>
                  <a:gd name="T56" fmla="*/ 2147483647 w 529"/>
                  <a:gd name="T57" fmla="*/ 2147483647 h 641"/>
                  <a:gd name="T58" fmla="*/ 2147483647 w 529"/>
                  <a:gd name="T59" fmla="*/ 2147483647 h 641"/>
                  <a:gd name="T60" fmla="*/ 2147483647 w 529"/>
                  <a:gd name="T61" fmla="*/ 2147483647 h 641"/>
                  <a:gd name="T62" fmla="*/ 2147483647 w 529"/>
                  <a:gd name="T63" fmla="*/ 2147483647 h 641"/>
                  <a:gd name="T64" fmla="*/ 2147483647 w 529"/>
                  <a:gd name="T65" fmla="*/ 2147483647 h 641"/>
                  <a:gd name="T66" fmla="*/ 2147483647 w 529"/>
                  <a:gd name="T67" fmla="*/ 2147483647 h 641"/>
                  <a:gd name="T68" fmla="*/ 2147483647 w 529"/>
                  <a:gd name="T69" fmla="*/ 2147483647 h 641"/>
                  <a:gd name="T70" fmla="*/ 2147483647 w 529"/>
                  <a:gd name="T71" fmla="*/ 2147483647 h 641"/>
                  <a:gd name="T72" fmla="*/ 2147483647 w 529"/>
                  <a:gd name="T73" fmla="*/ 2147483647 h 641"/>
                  <a:gd name="T74" fmla="*/ 2147483647 w 529"/>
                  <a:gd name="T75" fmla="*/ 2147483647 h 641"/>
                  <a:gd name="T76" fmla="*/ 2147483647 w 529"/>
                  <a:gd name="T77" fmla="*/ 2147483647 h 641"/>
                  <a:gd name="T78" fmla="*/ 2147483647 w 529"/>
                  <a:gd name="T79" fmla="*/ 2147483647 h 641"/>
                  <a:gd name="T80" fmla="*/ 2147483647 w 529"/>
                  <a:gd name="T81" fmla="*/ 2147483647 h 641"/>
                  <a:gd name="T82" fmla="*/ 2147483647 w 529"/>
                  <a:gd name="T83" fmla="*/ 2147483647 h 641"/>
                  <a:gd name="T84" fmla="*/ 2147483647 w 529"/>
                  <a:gd name="T85" fmla="*/ 2147483647 h 641"/>
                  <a:gd name="T86" fmla="*/ 2147483647 w 529"/>
                  <a:gd name="T87" fmla="*/ 2147483647 h 641"/>
                  <a:gd name="T88" fmla="*/ 2147483647 w 529"/>
                  <a:gd name="T89" fmla="*/ 2147483647 h 641"/>
                  <a:gd name="T90" fmla="*/ 2147483647 w 529"/>
                  <a:gd name="T91" fmla="*/ 2147483647 h 641"/>
                  <a:gd name="T92" fmla="*/ 2147483647 w 529"/>
                  <a:gd name="T93" fmla="*/ 2147483647 h 641"/>
                  <a:gd name="T94" fmla="*/ 2147483647 w 529"/>
                  <a:gd name="T95" fmla="*/ 0 h 641"/>
                  <a:gd name="T96" fmla="*/ 2147483647 w 529"/>
                  <a:gd name="T97" fmla="*/ 2147483647 h 641"/>
                  <a:gd name="T98" fmla="*/ 2147483647 w 529"/>
                  <a:gd name="T99" fmla="*/ 2147483647 h 641"/>
                  <a:gd name="T100" fmla="*/ 2147483647 w 529"/>
                  <a:gd name="T101" fmla="*/ 2147483647 h 641"/>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29"/>
                  <a:gd name="T154" fmla="*/ 0 h 641"/>
                  <a:gd name="T155" fmla="*/ 529 w 529"/>
                  <a:gd name="T156" fmla="*/ 641 h 641"/>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29" h="641">
                    <a:moveTo>
                      <a:pt x="199" y="64"/>
                    </a:moveTo>
                    <a:lnTo>
                      <a:pt x="199" y="88"/>
                    </a:lnTo>
                    <a:lnTo>
                      <a:pt x="164" y="88"/>
                    </a:lnTo>
                    <a:lnTo>
                      <a:pt x="147" y="80"/>
                    </a:lnTo>
                    <a:lnTo>
                      <a:pt x="104" y="96"/>
                    </a:lnTo>
                    <a:lnTo>
                      <a:pt x="78" y="128"/>
                    </a:lnTo>
                    <a:lnTo>
                      <a:pt x="95" y="152"/>
                    </a:lnTo>
                    <a:lnTo>
                      <a:pt x="43" y="152"/>
                    </a:lnTo>
                    <a:lnTo>
                      <a:pt x="61" y="192"/>
                    </a:lnTo>
                    <a:lnTo>
                      <a:pt x="0" y="240"/>
                    </a:lnTo>
                    <a:lnTo>
                      <a:pt x="52" y="440"/>
                    </a:lnTo>
                    <a:lnTo>
                      <a:pt x="69" y="440"/>
                    </a:lnTo>
                    <a:lnTo>
                      <a:pt x="78" y="456"/>
                    </a:lnTo>
                    <a:lnTo>
                      <a:pt x="43" y="488"/>
                    </a:lnTo>
                    <a:lnTo>
                      <a:pt x="35" y="512"/>
                    </a:lnTo>
                    <a:lnTo>
                      <a:pt x="52" y="552"/>
                    </a:lnTo>
                    <a:lnTo>
                      <a:pt x="52" y="560"/>
                    </a:lnTo>
                    <a:lnTo>
                      <a:pt x="87" y="568"/>
                    </a:lnTo>
                    <a:lnTo>
                      <a:pt x="121" y="584"/>
                    </a:lnTo>
                    <a:lnTo>
                      <a:pt x="164" y="560"/>
                    </a:lnTo>
                    <a:lnTo>
                      <a:pt x="208" y="592"/>
                    </a:lnTo>
                    <a:lnTo>
                      <a:pt x="225" y="616"/>
                    </a:lnTo>
                    <a:lnTo>
                      <a:pt x="242" y="640"/>
                    </a:lnTo>
                    <a:lnTo>
                      <a:pt x="286" y="608"/>
                    </a:lnTo>
                    <a:lnTo>
                      <a:pt x="303" y="584"/>
                    </a:lnTo>
                    <a:lnTo>
                      <a:pt x="390" y="560"/>
                    </a:lnTo>
                    <a:lnTo>
                      <a:pt x="441" y="520"/>
                    </a:lnTo>
                    <a:lnTo>
                      <a:pt x="493" y="512"/>
                    </a:lnTo>
                    <a:lnTo>
                      <a:pt x="519" y="472"/>
                    </a:lnTo>
                    <a:lnTo>
                      <a:pt x="528" y="432"/>
                    </a:lnTo>
                    <a:lnTo>
                      <a:pt x="511" y="384"/>
                    </a:lnTo>
                    <a:lnTo>
                      <a:pt x="476" y="352"/>
                    </a:lnTo>
                    <a:lnTo>
                      <a:pt x="441" y="280"/>
                    </a:lnTo>
                    <a:lnTo>
                      <a:pt x="441" y="232"/>
                    </a:lnTo>
                    <a:lnTo>
                      <a:pt x="450" y="200"/>
                    </a:lnTo>
                    <a:lnTo>
                      <a:pt x="441" y="176"/>
                    </a:lnTo>
                    <a:lnTo>
                      <a:pt x="415" y="192"/>
                    </a:lnTo>
                    <a:lnTo>
                      <a:pt x="407" y="168"/>
                    </a:lnTo>
                    <a:lnTo>
                      <a:pt x="390" y="144"/>
                    </a:lnTo>
                    <a:lnTo>
                      <a:pt x="338" y="120"/>
                    </a:lnTo>
                    <a:lnTo>
                      <a:pt x="320" y="88"/>
                    </a:lnTo>
                    <a:lnTo>
                      <a:pt x="338" y="80"/>
                    </a:lnTo>
                    <a:lnTo>
                      <a:pt x="372" y="88"/>
                    </a:lnTo>
                    <a:lnTo>
                      <a:pt x="390" y="64"/>
                    </a:lnTo>
                    <a:lnTo>
                      <a:pt x="364" y="48"/>
                    </a:lnTo>
                    <a:lnTo>
                      <a:pt x="338" y="56"/>
                    </a:lnTo>
                    <a:lnTo>
                      <a:pt x="303" y="56"/>
                    </a:lnTo>
                    <a:lnTo>
                      <a:pt x="260" y="0"/>
                    </a:lnTo>
                    <a:lnTo>
                      <a:pt x="199" y="40"/>
                    </a:lnTo>
                    <a:lnTo>
                      <a:pt x="208" y="40"/>
                    </a:lnTo>
                    <a:lnTo>
                      <a:pt x="199" y="64"/>
                    </a:lnTo>
                  </a:path>
                </a:pathLst>
              </a:custGeom>
              <a:solidFill>
                <a:srgbClr val="808080"/>
              </a:solidFill>
              <a:ln w="12700" cap="rnd">
                <a:solidFill>
                  <a:schemeClr val="bg1"/>
                </a:solidFill>
                <a:round/>
                <a:headEnd/>
                <a:tailEnd/>
              </a:ln>
            </p:spPr>
            <p:txBody>
              <a:bodyPr/>
              <a:lstStyle/>
              <a:p>
                <a:endParaRPr lang="de-CH" dirty="0"/>
              </a:p>
            </p:txBody>
          </p:sp>
          <p:sp>
            <p:nvSpPr>
              <p:cNvPr id="50" name="Freeform 85"/>
              <p:cNvSpPr>
                <a:spLocks/>
              </p:cNvSpPr>
              <p:nvPr/>
            </p:nvSpPr>
            <p:spPr bwMode="auto">
              <a:xfrm>
                <a:off x="385" y="2430"/>
                <a:ext cx="1340" cy="1139"/>
              </a:xfrm>
              <a:custGeom>
                <a:avLst/>
                <a:gdLst>
                  <a:gd name="T0" fmla="*/ 2147483647 w 1024"/>
                  <a:gd name="T1" fmla="*/ 2147483647 h 865"/>
                  <a:gd name="T2" fmla="*/ 2147483647 w 1024"/>
                  <a:gd name="T3" fmla="*/ 2147483647 h 865"/>
                  <a:gd name="T4" fmla="*/ 2147483647 w 1024"/>
                  <a:gd name="T5" fmla="*/ 2147483647 h 865"/>
                  <a:gd name="T6" fmla="*/ 2147483647 w 1024"/>
                  <a:gd name="T7" fmla="*/ 2147483647 h 865"/>
                  <a:gd name="T8" fmla="*/ 2147483647 w 1024"/>
                  <a:gd name="T9" fmla="*/ 2147483647 h 865"/>
                  <a:gd name="T10" fmla="*/ 2147483647 w 1024"/>
                  <a:gd name="T11" fmla="*/ 0 h 865"/>
                  <a:gd name="T12" fmla="*/ 2147483647 w 1024"/>
                  <a:gd name="T13" fmla="*/ 2147483647 h 865"/>
                  <a:gd name="T14" fmla="*/ 2147483647 w 1024"/>
                  <a:gd name="T15" fmla="*/ 2147483647 h 865"/>
                  <a:gd name="T16" fmla="*/ 2147483647 w 1024"/>
                  <a:gd name="T17" fmla="*/ 2147483647 h 865"/>
                  <a:gd name="T18" fmla="*/ 2147483647 w 1024"/>
                  <a:gd name="T19" fmla="*/ 2147483647 h 865"/>
                  <a:gd name="T20" fmla="*/ 2147483647 w 1024"/>
                  <a:gd name="T21" fmla="*/ 2147483647 h 865"/>
                  <a:gd name="T22" fmla="*/ 2147483647 w 1024"/>
                  <a:gd name="T23" fmla="*/ 2147483647 h 865"/>
                  <a:gd name="T24" fmla="*/ 2147483647 w 1024"/>
                  <a:gd name="T25" fmla="*/ 0 h 865"/>
                  <a:gd name="T26" fmla="*/ 2147483647 w 1024"/>
                  <a:gd name="T27" fmla="*/ 2147483647 h 865"/>
                  <a:gd name="T28" fmla="*/ 2147483647 w 1024"/>
                  <a:gd name="T29" fmla="*/ 2147483647 h 865"/>
                  <a:gd name="T30" fmla="*/ 2147483647 w 1024"/>
                  <a:gd name="T31" fmla="*/ 2147483647 h 865"/>
                  <a:gd name="T32" fmla="*/ 2147483647 w 1024"/>
                  <a:gd name="T33" fmla="*/ 2147483647 h 865"/>
                  <a:gd name="T34" fmla="*/ 2147483647 w 1024"/>
                  <a:gd name="T35" fmla="*/ 2147483647 h 865"/>
                  <a:gd name="T36" fmla="*/ 2147483647 w 1024"/>
                  <a:gd name="T37" fmla="*/ 2147483647 h 865"/>
                  <a:gd name="T38" fmla="*/ 2147483647 w 1024"/>
                  <a:gd name="T39" fmla="*/ 2147483647 h 865"/>
                  <a:gd name="T40" fmla="*/ 2147483647 w 1024"/>
                  <a:gd name="T41" fmla="*/ 2147483647 h 865"/>
                  <a:gd name="T42" fmla="*/ 2147483647 w 1024"/>
                  <a:gd name="T43" fmla="*/ 2147483647 h 865"/>
                  <a:gd name="T44" fmla="*/ 2147483647 w 1024"/>
                  <a:gd name="T45" fmla="*/ 2147483647 h 865"/>
                  <a:gd name="T46" fmla="*/ 2147483647 w 1024"/>
                  <a:gd name="T47" fmla="*/ 2147483647 h 865"/>
                  <a:gd name="T48" fmla="*/ 2147483647 w 1024"/>
                  <a:gd name="T49" fmla="*/ 2147483647 h 865"/>
                  <a:gd name="T50" fmla="*/ 2147483647 w 1024"/>
                  <a:gd name="T51" fmla="*/ 2147483647 h 865"/>
                  <a:gd name="T52" fmla="*/ 2147483647 w 1024"/>
                  <a:gd name="T53" fmla="*/ 2147483647 h 865"/>
                  <a:gd name="T54" fmla="*/ 2147483647 w 1024"/>
                  <a:gd name="T55" fmla="*/ 2147483647 h 865"/>
                  <a:gd name="T56" fmla="*/ 2147483647 w 1024"/>
                  <a:gd name="T57" fmla="*/ 2147483647 h 865"/>
                  <a:gd name="T58" fmla="*/ 2147483647 w 1024"/>
                  <a:gd name="T59" fmla="*/ 2147483647 h 865"/>
                  <a:gd name="T60" fmla="*/ 2147483647 w 1024"/>
                  <a:gd name="T61" fmla="*/ 2147483647 h 865"/>
                  <a:gd name="T62" fmla="*/ 2147483647 w 1024"/>
                  <a:gd name="T63" fmla="*/ 2147483647 h 865"/>
                  <a:gd name="T64" fmla="*/ 2147483647 w 1024"/>
                  <a:gd name="T65" fmla="*/ 2147483647 h 865"/>
                  <a:gd name="T66" fmla="*/ 2147483647 w 1024"/>
                  <a:gd name="T67" fmla="*/ 2147483647 h 86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1024"/>
                  <a:gd name="T103" fmla="*/ 0 h 865"/>
                  <a:gd name="T104" fmla="*/ 1024 w 1024"/>
                  <a:gd name="T105" fmla="*/ 865 h 86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1024" h="865">
                    <a:moveTo>
                      <a:pt x="43" y="688"/>
                    </a:moveTo>
                    <a:lnTo>
                      <a:pt x="78" y="640"/>
                    </a:lnTo>
                    <a:lnTo>
                      <a:pt x="0" y="568"/>
                    </a:lnTo>
                    <a:lnTo>
                      <a:pt x="69" y="432"/>
                    </a:lnTo>
                    <a:lnTo>
                      <a:pt x="35" y="392"/>
                    </a:lnTo>
                    <a:lnTo>
                      <a:pt x="208" y="256"/>
                    </a:lnTo>
                    <a:lnTo>
                      <a:pt x="338" y="152"/>
                    </a:lnTo>
                    <a:lnTo>
                      <a:pt x="321" y="128"/>
                    </a:lnTo>
                    <a:lnTo>
                      <a:pt x="329" y="72"/>
                    </a:lnTo>
                    <a:lnTo>
                      <a:pt x="459" y="40"/>
                    </a:lnTo>
                    <a:lnTo>
                      <a:pt x="538" y="0"/>
                    </a:lnTo>
                    <a:lnTo>
                      <a:pt x="555" y="0"/>
                    </a:lnTo>
                    <a:lnTo>
                      <a:pt x="572" y="24"/>
                    </a:lnTo>
                    <a:lnTo>
                      <a:pt x="581" y="72"/>
                    </a:lnTo>
                    <a:lnTo>
                      <a:pt x="598" y="112"/>
                    </a:lnTo>
                    <a:lnTo>
                      <a:pt x="616" y="136"/>
                    </a:lnTo>
                    <a:lnTo>
                      <a:pt x="659" y="144"/>
                    </a:lnTo>
                    <a:lnTo>
                      <a:pt x="728" y="144"/>
                    </a:lnTo>
                    <a:lnTo>
                      <a:pt x="746" y="128"/>
                    </a:lnTo>
                    <a:lnTo>
                      <a:pt x="746" y="88"/>
                    </a:lnTo>
                    <a:lnTo>
                      <a:pt x="728" y="80"/>
                    </a:lnTo>
                    <a:lnTo>
                      <a:pt x="728" y="56"/>
                    </a:lnTo>
                    <a:lnTo>
                      <a:pt x="746" y="48"/>
                    </a:lnTo>
                    <a:lnTo>
                      <a:pt x="737" y="24"/>
                    </a:lnTo>
                    <a:lnTo>
                      <a:pt x="746" y="8"/>
                    </a:lnTo>
                    <a:lnTo>
                      <a:pt x="772" y="0"/>
                    </a:lnTo>
                    <a:lnTo>
                      <a:pt x="789" y="48"/>
                    </a:lnTo>
                    <a:lnTo>
                      <a:pt x="806" y="96"/>
                    </a:lnTo>
                    <a:lnTo>
                      <a:pt x="772" y="152"/>
                    </a:lnTo>
                    <a:lnTo>
                      <a:pt x="737" y="192"/>
                    </a:lnTo>
                    <a:lnTo>
                      <a:pt x="763" y="216"/>
                    </a:lnTo>
                    <a:lnTo>
                      <a:pt x="720" y="272"/>
                    </a:lnTo>
                    <a:lnTo>
                      <a:pt x="676" y="304"/>
                    </a:lnTo>
                    <a:lnTo>
                      <a:pt x="633" y="320"/>
                    </a:lnTo>
                    <a:lnTo>
                      <a:pt x="633" y="368"/>
                    </a:lnTo>
                    <a:lnTo>
                      <a:pt x="642" y="400"/>
                    </a:lnTo>
                    <a:lnTo>
                      <a:pt x="685" y="408"/>
                    </a:lnTo>
                    <a:lnTo>
                      <a:pt x="720" y="432"/>
                    </a:lnTo>
                    <a:lnTo>
                      <a:pt x="676" y="464"/>
                    </a:lnTo>
                    <a:lnTo>
                      <a:pt x="650" y="464"/>
                    </a:lnTo>
                    <a:lnTo>
                      <a:pt x="633" y="472"/>
                    </a:lnTo>
                    <a:lnTo>
                      <a:pt x="676" y="512"/>
                    </a:lnTo>
                    <a:lnTo>
                      <a:pt x="720" y="480"/>
                    </a:lnTo>
                    <a:lnTo>
                      <a:pt x="763" y="496"/>
                    </a:lnTo>
                    <a:lnTo>
                      <a:pt x="780" y="528"/>
                    </a:lnTo>
                    <a:lnTo>
                      <a:pt x="780" y="560"/>
                    </a:lnTo>
                    <a:lnTo>
                      <a:pt x="806" y="568"/>
                    </a:lnTo>
                    <a:lnTo>
                      <a:pt x="858" y="520"/>
                    </a:lnTo>
                    <a:lnTo>
                      <a:pt x="893" y="512"/>
                    </a:lnTo>
                    <a:lnTo>
                      <a:pt x="936" y="472"/>
                    </a:lnTo>
                    <a:lnTo>
                      <a:pt x="1023" y="432"/>
                    </a:lnTo>
                    <a:lnTo>
                      <a:pt x="1006" y="472"/>
                    </a:lnTo>
                    <a:lnTo>
                      <a:pt x="1014" y="520"/>
                    </a:lnTo>
                    <a:lnTo>
                      <a:pt x="1006" y="560"/>
                    </a:lnTo>
                    <a:lnTo>
                      <a:pt x="962" y="600"/>
                    </a:lnTo>
                    <a:lnTo>
                      <a:pt x="988" y="640"/>
                    </a:lnTo>
                    <a:lnTo>
                      <a:pt x="1006" y="704"/>
                    </a:lnTo>
                    <a:lnTo>
                      <a:pt x="971" y="728"/>
                    </a:lnTo>
                    <a:lnTo>
                      <a:pt x="962" y="768"/>
                    </a:lnTo>
                    <a:lnTo>
                      <a:pt x="893" y="848"/>
                    </a:lnTo>
                    <a:lnTo>
                      <a:pt x="850" y="864"/>
                    </a:lnTo>
                    <a:lnTo>
                      <a:pt x="780" y="776"/>
                    </a:lnTo>
                    <a:lnTo>
                      <a:pt x="720" y="680"/>
                    </a:lnTo>
                    <a:lnTo>
                      <a:pt x="702" y="640"/>
                    </a:lnTo>
                    <a:lnTo>
                      <a:pt x="468" y="552"/>
                    </a:lnTo>
                    <a:lnTo>
                      <a:pt x="182" y="648"/>
                    </a:lnTo>
                    <a:lnTo>
                      <a:pt x="87" y="728"/>
                    </a:lnTo>
                    <a:lnTo>
                      <a:pt x="35" y="688"/>
                    </a:lnTo>
                    <a:lnTo>
                      <a:pt x="43" y="688"/>
                    </a:lnTo>
                  </a:path>
                </a:pathLst>
              </a:custGeom>
              <a:solidFill>
                <a:srgbClr val="CBCBCB"/>
              </a:solidFill>
              <a:ln w="12700">
                <a:solidFill>
                  <a:schemeClr val="bg1"/>
                </a:solidFill>
                <a:round/>
                <a:headEnd/>
                <a:tailEnd/>
              </a:ln>
            </p:spPr>
            <p:txBody>
              <a:bodyPr/>
              <a:lstStyle/>
              <a:p>
                <a:endParaRPr lang="de-CH" dirty="0"/>
              </a:p>
            </p:txBody>
          </p:sp>
          <p:sp>
            <p:nvSpPr>
              <p:cNvPr id="51" name="Freeform 86"/>
              <p:cNvSpPr>
                <a:spLocks/>
              </p:cNvSpPr>
              <p:nvPr/>
            </p:nvSpPr>
            <p:spPr bwMode="auto">
              <a:xfrm>
                <a:off x="1428" y="2325"/>
                <a:ext cx="127" cy="180"/>
              </a:xfrm>
              <a:custGeom>
                <a:avLst/>
                <a:gdLst>
                  <a:gd name="T0" fmla="*/ 2147483647 w 97"/>
                  <a:gd name="T1" fmla="*/ 2147483647 h 137"/>
                  <a:gd name="T2" fmla="*/ 2147483647 w 97"/>
                  <a:gd name="T3" fmla="*/ 2147483647 h 137"/>
                  <a:gd name="T4" fmla="*/ 2147483647 w 97"/>
                  <a:gd name="T5" fmla="*/ 2147483647 h 137"/>
                  <a:gd name="T6" fmla="*/ 2147483647 w 97"/>
                  <a:gd name="T7" fmla="*/ 2147483647 h 137"/>
                  <a:gd name="T8" fmla="*/ 2147483647 w 97"/>
                  <a:gd name="T9" fmla="*/ 2147483647 h 137"/>
                  <a:gd name="T10" fmla="*/ 2147483647 w 97"/>
                  <a:gd name="T11" fmla="*/ 2147483647 h 137"/>
                  <a:gd name="T12" fmla="*/ 2147483647 w 97"/>
                  <a:gd name="T13" fmla="*/ 2147483647 h 137"/>
                  <a:gd name="T14" fmla="*/ 0 w 97"/>
                  <a:gd name="T15" fmla="*/ 2147483647 h 137"/>
                  <a:gd name="T16" fmla="*/ 2147483647 w 97"/>
                  <a:gd name="T17" fmla="*/ 0 h 137"/>
                  <a:gd name="T18" fmla="*/ 2147483647 w 97"/>
                  <a:gd name="T19" fmla="*/ 2147483647 h 13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97"/>
                  <a:gd name="T31" fmla="*/ 0 h 137"/>
                  <a:gd name="T32" fmla="*/ 97 w 97"/>
                  <a:gd name="T33" fmla="*/ 137 h 13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97" h="137">
                    <a:moveTo>
                      <a:pt x="70" y="8"/>
                    </a:moveTo>
                    <a:lnTo>
                      <a:pt x="87" y="8"/>
                    </a:lnTo>
                    <a:lnTo>
                      <a:pt x="87" y="48"/>
                    </a:lnTo>
                    <a:lnTo>
                      <a:pt x="96" y="88"/>
                    </a:lnTo>
                    <a:lnTo>
                      <a:pt x="87" y="120"/>
                    </a:lnTo>
                    <a:lnTo>
                      <a:pt x="61" y="136"/>
                    </a:lnTo>
                    <a:lnTo>
                      <a:pt x="44" y="96"/>
                    </a:lnTo>
                    <a:lnTo>
                      <a:pt x="0" y="56"/>
                    </a:lnTo>
                    <a:lnTo>
                      <a:pt x="61" y="0"/>
                    </a:lnTo>
                    <a:lnTo>
                      <a:pt x="70" y="8"/>
                    </a:lnTo>
                  </a:path>
                </a:pathLst>
              </a:custGeom>
              <a:solidFill>
                <a:srgbClr val="C0C0C0"/>
              </a:solidFill>
              <a:ln w="12700" cap="rnd">
                <a:solidFill>
                  <a:srgbClr val="969696"/>
                </a:solidFill>
                <a:round/>
                <a:headEnd/>
                <a:tailEnd/>
              </a:ln>
            </p:spPr>
            <p:txBody>
              <a:bodyPr/>
              <a:lstStyle/>
              <a:p>
                <a:endParaRPr lang="de-CH" dirty="0"/>
              </a:p>
            </p:txBody>
          </p:sp>
          <p:sp>
            <p:nvSpPr>
              <p:cNvPr id="52" name="Freeform 88"/>
              <p:cNvSpPr>
                <a:spLocks/>
              </p:cNvSpPr>
              <p:nvPr/>
            </p:nvSpPr>
            <p:spPr bwMode="auto">
              <a:xfrm>
                <a:off x="3038" y="2304"/>
                <a:ext cx="636" cy="717"/>
              </a:xfrm>
              <a:custGeom>
                <a:avLst/>
                <a:gdLst>
                  <a:gd name="T0" fmla="*/ 2147483647 w 486"/>
                  <a:gd name="T1" fmla="*/ 2147483647 h 545"/>
                  <a:gd name="T2" fmla="*/ 2147483647 w 486"/>
                  <a:gd name="T3" fmla="*/ 2147483647 h 545"/>
                  <a:gd name="T4" fmla="*/ 2147483647 w 486"/>
                  <a:gd name="T5" fmla="*/ 2147483647 h 545"/>
                  <a:gd name="T6" fmla="*/ 2147483647 w 486"/>
                  <a:gd name="T7" fmla="*/ 2147483647 h 545"/>
                  <a:gd name="T8" fmla="*/ 2147483647 w 486"/>
                  <a:gd name="T9" fmla="*/ 2147483647 h 545"/>
                  <a:gd name="T10" fmla="*/ 2147483647 w 486"/>
                  <a:gd name="T11" fmla="*/ 2147483647 h 545"/>
                  <a:gd name="T12" fmla="*/ 2147483647 w 486"/>
                  <a:gd name="T13" fmla="*/ 2147483647 h 545"/>
                  <a:gd name="T14" fmla="*/ 2147483647 w 486"/>
                  <a:gd name="T15" fmla="*/ 2147483647 h 545"/>
                  <a:gd name="T16" fmla="*/ 2147483647 w 486"/>
                  <a:gd name="T17" fmla="*/ 2147483647 h 545"/>
                  <a:gd name="T18" fmla="*/ 2147483647 w 486"/>
                  <a:gd name="T19" fmla="*/ 2147483647 h 545"/>
                  <a:gd name="T20" fmla="*/ 2147483647 w 486"/>
                  <a:gd name="T21" fmla="*/ 0 h 545"/>
                  <a:gd name="T22" fmla="*/ 2147483647 w 486"/>
                  <a:gd name="T23" fmla="*/ 2147483647 h 545"/>
                  <a:gd name="T24" fmla="*/ 2147483647 w 486"/>
                  <a:gd name="T25" fmla="*/ 2147483647 h 545"/>
                  <a:gd name="T26" fmla="*/ 2147483647 w 486"/>
                  <a:gd name="T27" fmla="*/ 2147483647 h 545"/>
                  <a:gd name="T28" fmla="*/ 2147483647 w 486"/>
                  <a:gd name="T29" fmla="*/ 2147483647 h 545"/>
                  <a:gd name="T30" fmla="*/ 2147483647 w 486"/>
                  <a:gd name="T31" fmla="*/ 2147483647 h 545"/>
                  <a:gd name="T32" fmla="*/ 2147483647 w 486"/>
                  <a:gd name="T33" fmla="*/ 2147483647 h 545"/>
                  <a:gd name="T34" fmla="*/ 2147483647 w 486"/>
                  <a:gd name="T35" fmla="*/ 2147483647 h 545"/>
                  <a:gd name="T36" fmla="*/ 2147483647 w 486"/>
                  <a:gd name="T37" fmla="*/ 2147483647 h 545"/>
                  <a:gd name="T38" fmla="*/ 2147483647 w 486"/>
                  <a:gd name="T39" fmla="*/ 2147483647 h 545"/>
                  <a:gd name="T40" fmla="*/ 2147483647 w 486"/>
                  <a:gd name="T41" fmla="*/ 2147483647 h 545"/>
                  <a:gd name="T42" fmla="*/ 2147483647 w 486"/>
                  <a:gd name="T43" fmla="*/ 2147483647 h 545"/>
                  <a:gd name="T44" fmla="*/ 2147483647 w 486"/>
                  <a:gd name="T45" fmla="*/ 2147483647 h 545"/>
                  <a:gd name="T46" fmla="*/ 2147483647 w 486"/>
                  <a:gd name="T47" fmla="*/ 2147483647 h 545"/>
                  <a:gd name="T48" fmla="*/ 0 w 486"/>
                  <a:gd name="T49" fmla="*/ 2147483647 h 545"/>
                  <a:gd name="T50" fmla="*/ 2147483647 w 486"/>
                  <a:gd name="T51" fmla="*/ 2147483647 h 545"/>
                  <a:gd name="T52" fmla="*/ 2147483647 w 486"/>
                  <a:gd name="T53" fmla="*/ 2147483647 h 545"/>
                  <a:gd name="T54" fmla="*/ 2147483647 w 486"/>
                  <a:gd name="T55" fmla="*/ 2147483647 h 545"/>
                  <a:gd name="T56" fmla="*/ 2147483647 w 486"/>
                  <a:gd name="T57" fmla="*/ 2147483647 h 545"/>
                  <a:gd name="T58" fmla="*/ 2147483647 w 486"/>
                  <a:gd name="T59" fmla="*/ 2147483647 h 545"/>
                  <a:gd name="T60" fmla="*/ 2147483647 w 486"/>
                  <a:gd name="T61" fmla="*/ 2147483647 h 545"/>
                  <a:gd name="T62" fmla="*/ 2147483647 w 486"/>
                  <a:gd name="T63" fmla="*/ 2147483647 h 545"/>
                  <a:gd name="T64" fmla="*/ 2147483647 w 486"/>
                  <a:gd name="T65" fmla="*/ 2147483647 h 545"/>
                  <a:gd name="T66" fmla="*/ 2147483647 w 486"/>
                  <a:gd name="T67" fmla="*/ 2147483647 h 545"/>
                  <a:gd name="T68" fmla="*/ 2147483647 w 486"/>
                  <a:gd name="T69" fmla="*/ 2147483647 h 545"/>
                  <a:gd name="T70" fmla="*/ 2147483647 w 486"/>
                  <a:gd name="T71" fmla="*/ 2147483647 h 545"/>
                  <a:gd name="T72" fmla="*/ 2147483647 w 486"/>
                  <a:gd name="T73" fmla="*/ 2147483647 h 545"/>
                  <a:gd name="T74" fmla="*/ 2147483647 w 486"/>
                  <a:gd name="T75" fmla="*/ 2147483647 h 545"/>
                  <a:gd name="T76" fmla="*/ 2147483647 w 486"/>
                  <a:gd name="T77" fmla="*/ 2147483647 h 545"/>
                  <a:gd name="T78" fmla="*/ 2147483647 w 486"/>
                  <a:gd name="T79" fmla="*/ 2147483647 h 545"/>
                  <a:gd name="T80" fmla="*/ 2147483647 w 486"/>
                  <a:gd name="T81" fmla="*/ 2147483647 h 545"/>
                  <a:gd name="T82" fmla="*/ 2147483647 w 486"/>
                  <a:gd name="T83" fmla="*/ 2147483647 h 54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486"/>
                  <a:gd name="T127" fmla="*/ 0 h 545"/>
                  <a:gd name="T128" fmla="*/ 486 w 486"/>
                  <a:gd name="T129" fmla="*/ 545 h 54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486" h="545">
                    <a:moveTo>
                      <a:pt x="407" y="176"/>
                    </a:moveTo>
                    <a:lnTo>
                      <a:pt x="485" y="128"/>
                    </a:lnTo>
                    <a:lnTo>
                      <a:pt x="468" y="80"/>
                    </a:lnTo>
                    <a:lnTo>
                      <a:pt x="398" y="104"/>
                    </a:lnTo>
                    <a:lnTo>
                      <a:pt x="364" y="80"/>
                    </a:lnTo>
                    <a:lnTo>
                      <a:pt x="346" y="64"/>
                    </a:lnTo>
                    <a:lnTo>
                      <a:pt x="277" y="88"/>
                    </a:lnTo>
                    <a:lnTo>
                      <a:pt x="243" y="56"/>
                    </a:lnTo>
                    <a:lnTo>
                      <a:pt x="199" y="56"/>
                    </a:lnTo>
                    <a:lnTo>
                      <a:pt x="191" y="48"/>
                    </a:lnTo>
                    <a:lnTo>
                      <a:pt x="173" y="0"/>
                    </a:lnTo>
                    <a:lnTo>
                      <a:pt x="165" y="16"/>
                    </a:lnTo>
                    <a:lnTo>
                      <a:pt x="139" y="56"/>
                    </a:lnTo>
                    <a:lnTo>
                      <a:pt x="87" y="112"/>
                    </a:lnTo>
                    <a:lnTo>
                      <a:pt x="52" y="152"/>
                    </a:lnTo>
                    <a:lnTo>
                      <a:pt x="78" y="160"/>
                    </a:lnTo>
                    <a:lnTo>
                      <a:pt x="104" y="176"/>
                    </a:lnTo>
                    <a:lnTo>
                      <a:pt x="87" y="192"/>
                    </a:lnTo>
                    <a:lnTo>
                      <a:pt x="104" y="216"/>
                    </a:lnTo>
                    <a:lnTo>
                      <a:pt x="87" y="272"/>
                    </a:lnTo>
                    <a:lnTo>
                      <a:pt x="43" y="280"/>
                    </a:lnTo>
                    <a:lnTo>
                      <a:pt x="52" y="320"/>
                    </a:lnTo>
                    <a:lnTo>
                      <a:pt x="43" y="368"/>
                    </a:lnTo>
                    <a:lnTo>
                      <a:pt x="17" y="360"/>
                    </a:lnTo>
                    <a:lnTo>
                      <a:pt x="0" y="368"/>
                    </a:lnTo>
                    <a:lnTo>
                      <a:pt x="9" y="416"/>
                    </a:lnTo>
                    <a:lnTo>
                      <a:pt x="26" y="432"/>
                    </a:lnTo>
                    <a:lnTo>
                      <a:pt x="9" y="480"/>
                    </a:lnTo>
                    <a:lnTo>
                      <a:pt x="35" y="528"/>
                    </a:lnTo>
                    <a:lnTo>
                      <a:pt x="78" y="544"/>
                    </a:lnTo>
                    <a:lnTo>
                      <a:pt x="113" y="496"/>
                    </a:lnTo>
                    <a:lnTo>
                      <a:pt x="130" y="480"/>
                    </a:lnTo>
                    <a:lnTo>
                      <a:pt x="182" y="520"/>
                    </a:lnTo>
                    <a:lnTo>
                      <a:pt x="260" y="488"/>
                    </a:lnTo>
                    <a:lnTo>
                      <a:pt x="225" y="424"/>
                    </a:lnTo>
                    <a:lnTo>
                      <a:pt x="243" y="360"/>
                    </a:lnTo>
                    <a:lnTo>
                      <a:pt x="303" y="304"/>
                    </a:lnTo>
                    <a:lnTo>
                      <a:pt x="338" y="312"/>
                    </a:lnTo>
                    <a:lnTo>
                      <a:pt x="372" y="280"/>
                    </a:lnTo>
                    <a:lnTo>
                      <a:pt x="372" y="240"/>
                    </a:lnTo>
                    <a:lnTo>
                      <a:pt x="424" y="200"/>
                    </a:lnTo>
                    <a:lnTo>
                      <a:pt x="407" y="176"/>
                    </a:lnTo>
                  </a:path>
                </a:pathLst>
              </a:custGeom>
              <a:solidFill>
                <a:srgbClr val="808080"/>
              </a:solidFill>
              <a:ln w="12700" cap="rnd">
                <a:solidFill>
                  <a:schemeClr val="bg1"/>
                </a:solidFill>
                <a:round/>
                <a:headEnd/>
                <a:tailEnd/>
              </a:ln>
            </p:spPr>
            <p:txBody>
              <a:bodyPr/>
              <a:lstStyle/>
              <a:p>
                <a:endParaRPr lang="de-CH" dirty="0"/>
              </a:p>
            </p:txBody>
          </p:sp>
          <p:sp>
            <p:nvSpPr>
              <p:cNvPr id="53" name="Freeform 89"/>
              <p:cNvSpPr>
                <a:spLocks/>
              </p:cNvSpPr>
              <p:nvPr/>
            </p:nvSpPr>
            <p:spPr bwMode="auto">
              <a:xfrm>
                <a:off x="3322" y="1177"/>
                <a:ext cx="817" cy="528"/>
              </a:xfrm>
              <a:custGeom>
                <a:avLst/>
                <a:gdLst>
                  <a:gd name="T0" fmla="*/ 2147483647 w 625"/>
                  <a:gd name="T1" fmla="*/ 2147483647 h 401"/>
                  <a:gd name="T2" fmla="*/ 2147483647 w 625"/>
                  <a:gd name="T3" fmla="*/ 2147483647 h 401"/>
                  <a:gd name="T4" fmla="*/ 2147483647 w 625"/>
                  <a:gd name="T5" fmla="*/ 2147483647 h 401"/>
                  <a:gd name="T6" fmla="*/ 2147483647 w 625"/>
                  <a:gd name="T7" fmla="*/ 2147483647 h 401"/>
                  <a:gd name="T8" fmla="*/ 2147483647 w 625"/>
                  <a:gd name="T9" fmla="*/ 2147483647 h 401"/>
                  <a:gd name="T10" fmla="*/ 2147483647 w 625"/>
                  <a:gd name="T11" fmla="*/ 2147483647 h 401"/>
                  <a:gd name="T12" fmla="*/ 2147483647 w 625"/>
                  <a:gd name="T13" fmla="*/ 2147483647 h 401"/>
                  <a:gd name="T14" fmla="*/ 2147483647 w 625"/>
                  <a:gd name="T15" fmla="*/ 2147483647 h 401"/>
                  <a:gd name="T16" fmla="*/ 2147483647 w 625"/>
                  <a:gd name="T17" fmla="*/ 0 h 401"/>
                  <a:gd name="T18" fmla="*/ 2147483647 w 625"/>
                  <a:gd name="T19" fmla="*/ 2147483647 h 401"/>
                  <a:gd name="T20" fmla="*/ 0 w 625"/>
                  <a:gd name="T21" fmla="*/ 2147483647 h 401"/>
                  <a:gd name="T22" fmla="*/ 2147483647 w 625"/>
                  <a:gd name="T23" fmla="*/ 2147483647 h 401"/>
                  <a:gd name="T24" fmla="*/ 2147483647 w 625"/>
                  <a:gd name="T25" fmla="*/ 2147483647 h 401"/>
                  <a:gd name="T26" fmla="*/ 2147483647 w 625"/>
                  <a:gd name="T27" fmla="*/ 2147483647 h 401"/>
                  <a:gd name="T28" fmla="*/ 2147483647 w 625"/>
                  <a:gd name="T29" fmla="*/ 2147483647 h 401"/>
                  <a:gd name="T30" fmla="*/ 2147483647 w 625"/>
                  <a:gd name="T31" fmla="*/ 2147483647 h 401"/>
                  <a:gd name="T32" fmla="*/ 2147483647 w 625"/>
                  <a:gd name="T33" fmla="*/ 2147483647 h 401"/>
                  <a:gd name="T34" fmla="*/ 2147483647 w 625"/>
                  <a:gd name="T35" fmla="*/ 2147483647 h 401"/>
                  <a:gd name="T36" fmla="*/ 2147483647 w 625"/>
                  <a:gd name="T37" fmla="*/ 2147483647 h 401"/>
                  <a:gd name="T38" fmla="*/ 2147483647 w 625"/>
                  <a:gd name="T39" fmla="*/ 2147483647 h 401"/>
                  <a:gd name="T40" fmla="*/ 2147483647 w 625"/>
                  <a:gd name="T41" fmla="*/ 2147483647 h 401"/>
                  <a:gd name="T42" fmla="*/ 2147483647 w 625"/>
                  <a:gd name="T43" fmla="*/ 2147483647 h 401"/>
                  <a:gd name="T44" fmla="*/ 2147483647 w 625"/>
                  <a:gd name="T45" fmla="*/ 2147483647 h 401"/>
                  <a:gd name="T46" fmla="*/ 2147483647 w 625"/>
                  <a:gd name="T47" fmla="*/ 2147483647 h 401"/>
                  <a:gd name="T48" fmla="*/ 2147483647 w 625"/>
                  <a:gd name="T49" fmla="*/ 2147483647 h 401"/>
                  <a:gd name="T50" fmla="*/ 2147483647 w 625"/>
                  <a:gd name="T51" fmla="*/ 2147483647 h 401"/>
                  <a:gd name="T52" fmla="*/ 2147483647 w 625"/>
                  <a:gd name="T53" fmla="*/ 2147483647 h 401"/>
                  <a:gd name="T54" fmla="*/ 2147483647 w 625"/>
                  <a:gd name="T55" fmla="*/ 2147483647 h 401"/>
                  <a:gd name="T56" fmla="*/ 2147483647 w 625"/>
                  <a:gd name="T57" fmla="*/ 2147483647 h 401"/>
                  <a:gd name="T58" fmla="*/ 2147483647 w 625"/>
                  <a:gd name="T59" fmla="*/ 2147483647 h 401"/>
                  <a:gd name="T60" fmla="*/ 2147483647 w 625"/>
                  <a:gd name="T61" fmla="*/ 2147483647 h 401"/>
                  <a:gd name="T62" fmla="*/ 2147483647 w 625"/>
                  <a:gd name="T63" fmla="*/ 2147483647 h 401"/>
                  <a:gd name="T64" fmla="*/ 2147483647 w 625"/>
                  <a:gd name="T65" fmla="*/ 2147483647 h 401"/>
                  <a:gd name="T66" fmla="*/ 2147483647 w 625"/>
                  <a:gd name="T67" fmla="*/ 2147483647 h 401"/>
                  <a:gd name="T68" fmla="*/ 2147483647 w 625"/>
                  <a:gd name="T69" fmla="*/ 2147483647 h 401"/>
                  <a:gd name="T70" fmla="*/ 2147483647 w 625"/>
                  <a:gd name="T71" fmla="*/ 2147483647 h 401"/>
                  <a:gd name="T72" fmla="*/ 2147483647 w 625"/>
                  <a:gd name="T73" fmla="*/ 2147483647 h 401"/>
                  <a:gd name="T74" fmla="*/ 2147483647 w 625"/>
                  <a:gd name="T75" fmla="*/ 2147483647 h 401"/>
                  <a:gd name="T76" fmla="*/ 2147483647 w 625"/>
                  <a:gd name="T77" fmla="*/ 2147483647 h 401"/>
                  <a:gd name="T78" fmla="*/ 2147483647 w 625"/>
                  <a:gd name="T79" fmla="*/ 2147483647 h 401"/>
                  <a:gd name="T80" fmla="*/ 2147483647 w 625"/>
                  <a:gd name="T81" fmla="*/ 2147483647 h 401"/>
                  <a:gd name="T82" fmla="*/ 2147483647 w 625"/>
                  <a:gd name="T83" fmla="*/ 2147483647 h 401"/>
                  <a:gd name="T84" fmla="*/ 2147483647 w 625"/>
                  <a:gd name="T85" fmla="*/ 2147483647 h 401"/>
                  <a:gd name="T86" fmla="*/ 2147483647 w 625"/>
                  <a:gd name="T87" fmla="*/ 2147483647 h 401"/>
                  <a:gd name="T88" fmla="*/ 2147483647 w 625"/>
                  <a:gd name="T89" fmla="*/ 2147483647 h 401"/>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625"/>
                  <a:gd name="T136" fmla="*/ 0 h 401"/>
                  <a:gd name="T137" fmla="*/ 625 w 625"/>
                  <a:gd name="T138" fmla="*/ 401 h 401"/>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625" h="401">
                    <a:moveTo>
                      <a:pt x="390" y="40"/>
                    </a:moveTo>
                    <a:lnTo>
                      <a:pt x="286" y="24"/>
                    </a:lnTo>
                    <a:lnTo>
                      <a:pt x="182" y="64"/>
                    </a:lnTo>
                    <a:lnTo>
                      <a:pt x="165" y="64"/>
                    </a:lnTo>
                    <a:lnTo>
                      <a:pt x="130" y="56"/>
                    </a:lnTo>
                    <a:lnTo>
                      <a:pt x="104" y="24"/>
                    </a:lnTo>
                    <a:lnTo>
                      <a:pt x="87" y="40"/>
                    </a:lnTo>
                    <a:lnTo>
                      <a:pt x="52" y="8"/>
                    </a:lnTo>
                    <a:lnTo>
                      <a:pt x="52" y="0"/>
                    </a:lnTo>
                    <a:lnTo>
                      <a:pt x="43" y="16"/>
                    </a:lnTo>
                    <a:lnTo>
                      <a:pt x="0" y="16"/>
                    </a:lnTo>
                    <a:lnTo>
                      <a:pt x="43" y="72"/>
                    </a:lnTo>
                    <a:lnTo>
                      <a:pt x="78" y="72"/>
                    </a:lnTo>
                    <a:lnTo>
                      <a:pt x="104" y="64"/>
                    </a:lnTo>
                    <a:lnTo>
                      <a:pt x="130" y="80"/>
                    </a:lnTo>
                    <a:lnTo>
                      <a:pt x="113" y="104"/>
                    </a:lnTo>
                    <a:lnTo>
                      <a:pt x="78" y="96"/>
                    </a:lnTo>
                    <a:lnTo>
                      <a:pt x="61" y="104"/>
                    </a:lnTo>
                    <a:lnTo>
                      <a:pt x="78" y="136"/>
                    </a:lnTo>
                    <a:lnTo>
                      <a:pt x="130" y="160"/>
                    </a:lnTo>
                    <a:lnTo>
                      <a:pt x="147" y="184"/>
                    </a:lnTo>
                    <a:lnTo>
                      <a:pt x="156" y="208"/>
                    </a:lnTo>
                    <a:lnTo>
                      <a:pt x="182" y="192"/>
                    </a:lnTo>
                    <a:lnTo>
                      <a:pt x="191" y="216"/>
                    </a:lnTo>
                    <a:lnTo>
                      <a:pt x="182" y="248"/>
                    </a:lnTo>
                    <a:lnTo>
                      <a:pt x="182" y="296"/>
                    </a:lnTo>
                    <a:lnTo>
                      <a:pt x="217" y="368"/>
                    </a:lnTo>
                    <a:lnTo>
                      <a:pt x="251" y="400"/>
                    </a:lnTo>
                    <a:lnTo>
                      <a:pt x="277" y="352"/>
                    </a:lnTo>
                    <a:lnTo>
                      <a:pt x="312" y="336"/>
                    </a:lnTo>
                    <a:lnTo>
                      <a:pt x="347" y="320"/>
                    </a:lnTo>
                    <a:lnTo>
                      <a:pt x="303" y="272"/>
                    </a:lnTo>
                    <a:lnTo>
                      <a:pt x="329" y="248"/>
                    </a:lnTo>
                    <a:lnTo>
                      <a:pt x="373" y="264"/>
                    </a:lnTo>
                    <a:lnTo>
                      <a:pt x="416" y="232"/>
                    </a:lnTo>
                    <a:lnTo>
                      <a:pt x="442" y="240"/>
                    </a:lnTo>
                    <a:lnTo>
                      <a:pt x="485" y="280"/>
                    </a:lnTo>
                    <a:lnTo>
                      <a:pt x="520" y="248"/>
                    </a:lnTo>
                    <a:lnTo>
                      <a:pt x="494" y="224"/>
                    </a:lnTo>
                    <a:lnTo>
                      <a:pt x="511" y="208"/>
                    </a:lnTo>
                    <a:lnTo>
                      <a:pt x="555" y="256"/>
                    </a:lnTo>
                    <a:lnTo>
                      <a:pt x="589" y="256"/>
                    </a:lnTo>
                    <a:lnTo>
                      <a:pt x="624" y="216"/>
                    </a:lnTo>
                    <a:lnTo>
                      <a:pt x="624" y="144"/>
                    </a:lnTo>
                    <a:lnTo>
                      <a:pt x="390" y="40"/>
                    </a:lnTo>
                  </a:path>
                </a:pathLst>
              </a:custGeom>
              <a:solidFill>
                <a:srgbClr val="808080"/>
              </a:solidFill>
              <a:ln w="12700" cap="rnd">
                <a:solidFill>
                  <a:schemeClr val="bg1"/>
                </a:solidFill>
                <a:round/>
                <a:headEnd/>
                <a:tailEnd/>
              </a:ln>
            </p:spPr>
            <p:txBody>
              <a:bodyPr/>
              <a:lstStyle/>
              <a:p>
                <a:endParaRPr lang="de-CH" dirty="0"/>
              </a:p>
            </p:txBody>
          </p:sp>
          <p:sp>
            <p:nvSpPr>
              <p:cNvPr id="54" name="Freeform 90"/>
              <p:cNvSpPr>
                <a:spLocks/>
              </p:cNvSpPr>
              <p:nvPr/>
            </p:nvSpPr>
            <p:spPr bwMode="auto">
              <a:xfrm>
                <a:off x="3050" y="2862"/>
                <a:ext cx="874" cy="1276"/>
              </a:xfrm>
              <a:custGeom>
                <a:avLst/>
                <a:gdLst>
                  <a:gd name="T0" fmla="*/ 2147483647 w 668"/>
                  <a:gd name="T1" fmla="*/ 2147483647 h 969"/>
                  <a:gd name="T2" fmla="*/ 2147483647 w 668"/>
                  <a:gd name="T3" fmla="*/ 2147483647 h 969"/>
                  <a:gd name="T4" fmla="*/ 2147483647 w 668"/>
                  <a:gd name="T5" fmla="*/ 2147483647 h 969"/>
                  <a:gd name="T6" fmla="*/ 2147483647 w 668"/>
                  <a:gd name="T7" fmla="*/ 2147483647 h 969"/>
                  <a:gd name="T8" fmla="*/ 2147483647 w 668"/>
                  <a:gd name="T9" fmla="*/ 2147483647 h 969"/>
                  <a:gd name="T10" fmla="*/ 2147483647 w 668"/>
                  <a:gd name="T11" fmla="*/ 2147483647 h 969"/>
                  <a:gd name="T12" fmla="*/ 2147483647 w 668"/>
                  <a:gd name="T13" fmla="*/ 2147483647 h 969"/>
                  <a:gd name="T14" fmla="*/ 2147483647 w 668"/>
                  <a:gd name="T15" fmla="*/ 2147483647 h 969"/>
                  <a:gd name="T16" fmla="*/ 2147483647 w 668"/>
                  <a:gd name="T17" fmla="*/ 2147483647 h 969"/>
                  <a:gd name="T18" fmla="*/ 2147483647 w 668"/>
                  <a:gd name="T19" fmla="*/ 2147483647 h 969"/>
                  <a:gd name="T20" fmla="*/ 2147483647 w 668"/>
                  <a:gd name="T21" fmla="*/ 2147483647 h 969"/>
                  <a:gd name="T22" fmla="*/ 2147483647 w 668"/>
                  <a:gd name="T23" fmla="*/ 2147483647 h 969"/>
                  <a:gd name="T24" fmla="*/ 2147483647 w 668"/>
                  <a:gd name="T25" fmla="*/ 2147483647 h 969"/>
                  <a:gd name="T26" fmla="*/ 2147483647 w 668"/>
                  <a:gd name="T27" fmla="*/ 2147483647 h 969"/>
                  <a:gd name="T28" fmla="*/ 2147483647 w 668"/>
                  <a:gd name="T29" fmla="*/ 2147483647 h 969"/>
                  <a:gd name="T30" fmla="*/ 2147483647 w 668"/>
                  <a:gd name="T31" fmla="*/ 2147483647 h 969"/>
                  <a:gd name="T32" fmla="*/ 2147483647 w 668"/>
                  <a:gd name="T33" fmla="*/ 0 h 969"/>
                  <a:gd name="T34" fmla="*/ 2147483647 w 668"/>
                  <a:gd name="T35" fmla="*/ 2147483647 h 969"/>
                  <a:gd name="T36" fmla="*/ 2147483647 w 668"/>
                  <a:gd name="T37" fmla="*/ 2147483647 h 969"/>
                  <a:gd name="T38" fmla="*/ 2147483647 w 668"/>
                  <a:gd name="T39" fmla="*/ 2147483647 h 969"/>
                  <a:gd name="T40" fmla="*/ 2147483647 w 668"/>
                  <a:gd name="T41" fmla="*/ 2147483647 h 969"/>
                  <a:gd name="T42" fmla="*/ 2147483647 w 668"/>
                  <a:gd name="T43" fmla="*/ 2147483647 h 969"/>
                  <a:gd name="T44" fmla="*/ 2147483647 w 668"/>
                  <a:gd name="T45" fmla="*/ 2147483647 h 969"/>
                  <a:gd name="T46" fmla="*/ 2147483647 w 668"/>
                  <a:gd name="T47" fmla="*/ 2147483647 h 969"/>
                  <a:gd name="T48" fmla="*/ 2147483647 w 668"/>
                  <a:gd name="T49" fmla="*/ 2147483647 h 969"/>
                  <a:gd name="T50" fmla="*/ 0 w 668"/>
                  <a:gd name="T51" fmla="*/ 2147483647 h 969"/>
                  <a:gd name="T52" fmla="*/ 0 w 668"/>
                  <a:gd name="T53" fmla="*/ 2147483647 h 969"/>
                  <a:gd name="T54" fmla="*/ 2147483647 w 668"/>
                  <a:gd name="T55" fmla="*/ 2147483647 h 969"/>
                  <a:gd name="T56" fmla="*/ 2147483647 w 668"/>
                  <a:gd name="T57" fmla="*/ 2147483647 h 969"/>
                  <a:gd name="T58" fmla="*/ 2147483647 w 668"/>
                  <a:gd name="T59" fmla="*/ 2147483647 h 969"/>
                  <a:gd name="T60" fmla="*/ 2147483647 w 668"/>
                  <a:gd name="T61" fmla="*/ 2147483647 h 969"/>
                  <a:gd name="T62" fmla="*/ 2147483647 w 668"/>
                  <a:gd name="T63" fmla="*/ 2147483647 h 969"/>
                  <a:gd name="T64" fmla="*/ 2147483647 w 668"/>
                  <a:gd name="T65" fmla="*/ 2147483647 h 969"/>
                  <a:gd name="T66" fmla="*/ 2147483647 w 668"/>
                  <a:gd name="T67" fmla="*/ 2147483647 h 969"/>
                  <a:gd name="T68" fmla="*/ 2147483647 w 668"/>
                  <a:gd name="T69" fmla="*/ 2147483647 h 969"/>
                  <a:gd name="T70" fmla="*/ 2147483647 w 668"/>
                  <a:gd name="T71" fmla="*/ 2147483647 h 969"/>
                  <a:gd name="T72" fmla="*/ 2147483647 w 668"/>
                  <a:gd name="T73" fmla="*/ 2147483647 h 969"/>
                  <a:gd name="T74" fmla="*/ 2147483647 w 668"/>
                  <a:gd name="T75" fmla="*/ 2147483647 h 969"/>
                  <a:gd name="T76" fmla="*/ 2147483647 w 668"/>
                  <a:gd name="T77" fmla="*/ 2147483647 h 969"/>
                  <a:gd name="T78" fmla="*/ 2147483647 w 668"/>
                  <a:gd name="T79" fmla="*/ 2147483647 h 969"/>
                  <a:gd name="T80" fmla="*/ 2147483647 w 668"/>
                  <a:gd name="T81" fmla="*/ 2147483647 h 969"/>
                  <a:gd name="T82" fmla="*/ 2147483647 w 668"/>
                  <a:gd name="T83" fmla="*/ 2147483647 h 969"/>
                  <a:gd name="T84" fmla="*/ 2147483647 w 668"/>
                  <a:gd name="T85" fmla="*/ 2147483647 h 969"/>
                  <a:gd name="T86" fmla="*/ 2147483647 w 668"/>
                  <a:gd name="T87" fmla="*/ 2147483647 h 969"/>
                  <a:gd name="T88" fmla="*/ 2147483647 w 668"/>
                  <a:gd name="T89" fmla="*/ 2147483647 h 969"/>
                  <a:gd name="T90" fmla="*/ 2147483647 w 668"/>
                  <a:gd name="T91" fmla="*/ 2147483647 h 969"/>
                  <a:gd name="T92" fmla="*/ 2147483647 w 668"/>
                  <a:gd name="T93" fmla="*/ 2147483647 h 969"/>
                  <a:gd name="T94" fmla="*/ 2147483647 w 668"/>
                  <a:gd name="T95" fmla="*/ 2147483647 h 969"/>
                  <a:gd name="T96" fmla="*/ 2147483647 w 668"/>
                  <a:gd name="T97" fmla="*/ 2147483647 h 969"/>
                  <a:gd name="T98" fmla="*/ 2147483647 w 668"/>
                  <a:gd name="T99" fmla="*/ 2147483647 h 969"/>
                  <a:gd name="T100" fmla="*/ 2147483647 w 668"/>
                  <a:gd name="T101" fmla="*/ 2147483647 h 969"/>
                  <a:gd name="T102" fmla="*/ 2147483647 w 668"/>
                  <a:gd name="T103" fmla="*/ 2147483647 h 969"/>
                  <a:gd name="T104" fmla="*/ 2147483647 w 668"/>
                  <a:gd name="T105" fmla="*/ 2147483647 h 969"/>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668"/>
                  <a:gd name="T160" fmla="*/ 0 h 969"/>
                  <a:gd name="T161" fmla="*/ 668 w 668"/>
                  <a:gd name="T162" fmla="*/ 969 h 969"/>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668" h="969">
                    <a:moveTo>
                      <a:pt x="563" y="696"/>
                    </a:moveTo>
                    <a:lnTo>
                      <a:pt x="615" y="656"/>
                    </a:lnTo>
                    <a:lnTo>
                      <a:pt x="615" y="600"/>
                    </a:lnTo>
                    <a:lnTo>
                      <a:pt x="667" y="544"/>
                    </a:lnTo>
                    <a:lnTo>
                      <a:pt x="598" y="488"/>
                    </a:lnTo>
                    <a:lnTo>
                      <a:pt x="572" y="368"/>
                    </a:lnTo>
                    <a:lnTo>
                      <a:pt x="606" y="336"/>
                    </a:lnTo>
                    <a:lnTo>
                      <a:pt x="615" y="264"/>
                    </a:lnTo>
                    <a:lnTo>
                      <a:pt x="606" y="184"/>
                    </a:lnTo>
                    <a:lnTo>
                      <a:pt x="572" y="184"/>
                    </a:lnTo>
                    <a:lnTo>
                      <a:pt x="537" y="128"/>
                    </a:lnTo>
                    <a:lnTo>
                      <a:pt x="563" y="56"/>
                    </a:lnTo>
                    <a:lnTo>
                      <a:pt x="554" y="32"/>
                    </a:lnTo>
                    <a:lnTo>
                      <a:pt x="511" y="32"/>
                    </a:lnTo>
                    <a:lnTo>
                      <a:pt x="476" y="40"/>
                    </a:lnTo>
                    <a:lnTo>
                      <a:pt x="502" y="16"/>
                    </a:lnTo>
                    <a:lnTo>
                      <a:pt x="476" y="0"/>
                    </a:lnTo>
                    <a:lnTo>
                      <a:pt x="433" y="16"/>
                    </a:lnTo>
                    <a:lnTo>
                      <a:pt x="433" y="56"/>
                    </a:lnTo>
                    <a:lnTo>
                      <a:pt x="390" y="88"/>
                    </a:lnTo>
                    <a:lnTo>
                      <a:pt x="251" y="64"/>
                    </a:lnTo>
                    <a:lnTo>
                      <a:pt x="173" y="96"/>
                    </a:lnTo>
                    <a:lnTo>
                      <a:pt x="121" y="56"/>
                    </a:lnTo>
                    <a:lnTo>
                      <a:pt x="104" y="72"/>
                    </a:lnTo>
                    <a:lnTo>
                      <a:pt x="69" y="120"/>
                    </a:lnTo>
                    <a:lnTo>
                      <a:pt x="0" y="176"/>
                    </a:lnTo>
                    <a:lnTo>
                      <a:pt x="0" y="208"/>
                    </a:lnTo>
                    <a:lnTo>
                      <a:pt x="26" y="208"/>
                    </a:lnTo>
                    <a:lnTo>
                      <a:pt x="69" y="208"/>
                    </a:lnTo>
                    <a:lnTo>
                      <a:pt x="61" y="264"/>
                    </a:lnTo>
                    <a:lnTo>
                      <a:pt x="69" y="360"/>
                    </a:lnTo>
                    <a:lnTo>
                      <a:pt x="35" y="400"/>
                    </a:lnTo>
                    <a:lnTo>
                      <a:pt x="35" y="456"/>
                    </a:lnTo>
                    <a:lnTo>
                      <a:pt x="69" y="488"/>
                    </a:lnTo>
                    <a:lnTo>
                      <a:pt x="113" y="488"/>
                    </a:lnTo>
                    <a:lnTo>
                      <a:pt x="191" y="608"/>
                    </a:lnTo>
                    <a:lnTo>
                      <a:pt x="286" y="632"/>
                    </a:lnTo>
                    <a:lnTo>
                      <a:pt x="338" y="648"/>
                    </a:lnTo>
                    <a:lnTo>
                      <a:pt x="390" y="672"/>
                    </a:lnTo>
                    <a:lnTo>
                      <a:pt x="372" y="696"/>
                    </a:lnTo>
                    <a:lnTo>
                      <a:pt x="338" y="768"/>
                    </a:lnTo>
                    <a:lnTo>
                      <a:pt x="416" y="800"/>
                    </a:lnTo>
                    <a:lnTo>
                      <a:pt x="433" y="816"/>
                    </a:lnTo>
                    <a:lnTo>
                      <a:pt x="450" y="872"/>
                    </a:lnTo>
                    <a:lnTo>
                      <a:pt x="485" y="912"/>
                    </a:lnTo>
                    <a:lnTo>
                      <a:pt x="459" y="944"/>
                    </a:lnTo>
                    <a:lnTo>
                      <a:pt x="502" y="960"/>
                    </a:lnTo>
                    <a:lnTo>
                      <a:pt x="572" y="968"/>
                    </a:lnTo>
                    <a:lnTo>
                      <a:pt x="615" y="864"/>
                    </a:lnTo>
                    <a:lnTo>
                      <a:pt x="572" y="816"/>
                    </a:lnTo>
                    <a:lnTo>
                      <a:pt x="563" y="752"/>
                    </a:lnTo>
                    <a:lnTo>
                      <a:pt x="546" y="728"/>
                    </a:lnTo>
                    <a:lnTo>
                      <a:pt x="563" y="696"/>
                    </a:lnTo>
                  </a:path>
                </a:pathLst>
              </a:custGeom>
              <a:solidFill>
                <a:srgbClr val="A7A7A7"/>
              </a:solidFill>
              <a:ln w="12700" cap="rnd">
                <a:solidFill>
                  <a:schemeClr val="bg1"/>
                </a:solidFill>
                <a:round/>
                <a:headEnd/>
                <a:tailEnd/>
              </a:ln>
            </p:spPr>
            <p:txBody>
              <a:bodyPr/>
              <a:lstStyle/>
              <a:p>
                <a:endParaRPr lang="de-CH" dirty="0"/>
              </a:p>
            </p:txBody>
          </p:sp>
          <p:sp>
            <p:nvSpPr>
              <p:cNvPr id="55" name="Freeform 91"/>
              <p:cNvSpPr>
                <a:spLocks/>
              </p:cNvSpPr>
              <p:nvPr/>
            </p:nvSpPr>
            <p:spPr bwMode="auto">
              <a:xfrm>
                <a:off x="1882" y="1620"/>
                <a:ext cx="81" cy="64"/>
              </a:xfrm>
              <a:custGeom>
                <a:avLst/>
                <a:gdLst>
                  <a:gd name="T0" fmla="*/ 2147483647 w 62"/>
                  <a:gd name="T1" fmla="*/ 0 h 49"/>
                  <a:gd name="T2" fmla="*/ 2147483647 w 62"/>
                  <a:gd name="T3" fmla="*/ 2147483647 h 49"/>
                  <a:gd name="T4" fmla="*/ 2147483647 w 62"/>
                  <a:gd name="T5" fmla="*/ 2147483647 h 49"/>
                  <a:gd name="T6" fmla="*/ 2147483647 w 62"/>
                  <a:gd name="T7" fmla="*/ 2147483647 h 49"/>
                  <a:gd name="T8" fmla="*/ 2147483647 w 62"/>
                  <a:gd name="T9" fmla="*/ 2147483647 h 49"/>
                  <a:gd name="T10" fmla="*/ 0 w 62"/>
                  <a:gd name="T11" fmla="*/ 2147483647 h 49"/>
                  <a:gd name="T12" fmla="*/ 2147483647 w 62"/>
                  <a:gd name="T13" fmla="*/ 0 h 49"/>
                  <a:gd name="T14" fmla="*/ 0 60000 65536"/>
                  <a:gd name="T15" fmla="*/ 0 60000 65536"/>
                  <a:gd name="T16" fmla="*/ 0 60000 65536"/>
                  <a:gd name="T17" fmla="*/ 0 60000 65536"/>
                  <a:gd name="T18" fmla="*/ 0 60000 65536"/>
                  <a:gd name="T19" fmla="*/ 0 60000 65536"/>
                  <a:gd name="T20" fmla="*/ 0 60000 65536"/>
                  <a:gd name="T21" fmla="*/ 0 w 62"/>
                  <a:gd name="T22" fmla="*/ 0 h 49"/>
                  <a:gd name="T23" fmla="*/ 62 w 62"/>
                  <a:gd name="T24" fmla="*/ 49 h 49"/>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62" h="49">
                    <a:moveTo>
                      <a:pt x="35" y="0"/>
                    </a:moveTo>
                    <a:lnTo>
                      <a:pt x="44" y="24"/>
                    </a:lnTo>
                    <a:lnTo>
                      <a:pt x="61" y="24"/>
                    </a:lnTo>
                    <a:lnTo>
                      <a:pt x="35" y="40"/>
                    </a:lnTo>
                    <a:lnTo>
                      <a:pt x="26" y="48"/>
                    </a:lnTo>
                    <a:lnTo>
                      <a:pt x="0" y="24"/>
                    </a:lnTo>
                    <a:lnTo>
                      <a:pt x="35" y="0"/>
                    </a:lnTo>
                  </a:path>
                </a:pathLst>
              </a:custGeom>
              <a:solidFill>
                <a:srgbClr val="CBCBCB"/>
              </a:solidFill>
              <a:ln w="12700" cap="rnd">
                <a:solidFill>
                  <a:schemeClr val="bg1"/>
                </a:solidFill>
                <a:round/>
                <a:headEnd/>
                <a:tailEnd/>
              </a:ln>
            </p:spPr>
            <p:txBody>
              <a:bodyPr/>
              <a:lstStyle/>
              <a:p>
                <a:endParaRPr lang="de-CH" dirty="0"/>
              </a:p>
            </p:txBody>
          </p:sp>
          <p:sp>
            <p:nvSpPr>
              <p:cNvPr id="56" name="Freeform 83"/>
              <p:cNvSpPr>
                <a:spLocks/>
              </p:cNvSpPr>
              <p:nvPr/>
            </p:nvSpPr>
            <p:spPr bwMode="auto">
              <a:xfrm>
                <a:off x="1229" y="1725"/>
                <a:ext cx="2110" cy="1770"/>
              </a:xfrm>
              <a:custGeom>
                <a:avLst/>
                <a:gdLst>
                  <a:gd name="T0" fmla="*/ 2147483647 w 1613"/>
                  <a:gd name="T1" fmla="*/ 2147483647 h 1345"/>
                  <a:gd name="T2" fmla="*/ 2147483647 w 1613"/>
                  <a:gd name="T3" fmla="*/ 2147483647 h 1345"/>
                  <a:gd name="T4" fmla="*/ 2147483647 w 1613"/>
                  <a:gd name="T5" fmla="*/ 0 h 1345"/>
                  <a:gd name="T6" fmla="*/ 2147483647 w 1613"/>
                  <a:gd name="T7" fmla="*/ 2147483647 h 1345"/>
                  <a:gd name="T8" fmla="*/ 2147483647 w 1613"/>
                  <a:gd name="T9" fmla="*/ 2147483647 h 1345"/>
                  <a:gd name="T10" fmla="*/ 2147483647 w 1613"/>
                  <a:gd name="T11" fmla="*/ 2147483647 h 1345"/>
                  <a:gd name="T12" fmla="*/ 2147483647 w 1613"/>
                  <a:gd name="T13" fmla="*/ 2147483647 h 1345"/>
                  <a:gd name="T14" fmla="*/ 2147483647 w 1613"/>
                  <a:gd name="T15" fmla="*/ 2147483647 h 1345"/>
                  <a:gd name="T16" fmla="*/ 2147483647 w 1613"/>
                  <a:gd name="T17" fmla="*/ 2147483647 h 1345"/>
                  <a:gd name="T18" fmla="*/ 2147483647 w 1613"/>
                  <a:gd name="T19" fmla="*/ 2147483647 h 1345"/>
                  <a:gd name="T20" fmla="*/ 0 w 1613"/>
                  <a:gd name="T21" fmla="*/ 2147483647 h 1345"/>
                  <a:gd name="T22" fmla="*/ 2147483647 w 1613"/>
                  <a:gd name="T23" fmla="*/ 2147483647 h 1345"/>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613"/>
                  <a:gd name="T37" fmla="*/ 0 h 1345"/>
                  <a:gd name="T38" fmla="*/ 1613 w 1613"/>
                  <a:gd name="T39" fmla="*/ 1345 h 1345"/>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613" h="1345">
                    <a:moveTo>
                      <a:pt x="52" y="288"/>
                    </a:moveTo>
                    <a:lnTo>
                      <a:pt x="260" y="96"/>
                    </a:lnTo>
                    <a:lnTo>
                      <a:pt x="520" y="0"/>
                    </a:lnTo>
                    <a:lnTo>
                      <a:pt x="1040" y="48"/>
                    </a:lnTo>
                    <a:lnTo>
                      <a:pt x="988" y="624"/>
                    </a:lnTo>
                    <a:lnTo>
                      <a:pt x="1612" y="672"/>
                    </a:lnTo>
                    <a:lnTo>
                      <a:pt x="1404" y="1008"/>
                    </a:lnTo>
                    <a:lnTo>
                      <a:pt x="260" y="1344"/>
                    </a:lnTo>
                    <a:lnTo>
                      <a:pt x="364" y="624"/>
                    </a:lnTo>
                    <a:lnTo>
                      <a:pt x="156" y="624"/>
                    </a:lnTo>
                    <a:lnTo>
                      <a:pt x="0" y="384"/>
                    </a:lnTo>
                    <a:lnTo>
                      <a:pt x="52" y="288"/>
                    </a:lnTo>
                  </a:path>
                </a:pathLst>
              </a:custGeom>
              <a:solidFill>
                <a:srgbClr val="808080"/>
              </a:solidFill>
              <a:ln w="12700" cap="rnd">
                <a:solidFill>
                  <a:schemeClr val="bg1"/>
                </a:solidFill>
                <a:round/>
                <a:headEnd/>
                <a:tailEnd/>
              </a:ln>
            </p:spPr>
            <p:txBody>
              <a:bodyPr/>
              <a:lstStyle/>
              <a:p>
                <a:endParaRPr lang="de-CH" dirty="0"/>
              </a:p>
            </p:txBody>
          </p:sp>
          <p:sp>
            <p:nvSpPr>
              <p:cNvPr id="57" name="Freeform 87"/>
              <p:cNvSpPr>
                <a:spLocks/>
              </p:cNvSpPr>
              <p:nvPr/>
            </p:nvSpPr>
            <p:spPr bwMode="auto">
              <a:xfrm>
                <a:off x="1179" y="2852"/>
                <a:ext cx="1962" cy="1233"/>
              </a:xfrm>
              <a:custGeom>
                <a:avLst/>
                <a:gdLst>
                  <a:gd name="T0" fmla="*/ 2147483647 w 1500"/>
                  <a:gd name="T1" fmla="*/ 2147483647 h 937"/>
                  <a:gd name="T2" fmla="*/ 2147483647 w 1500"/>
                  <a:gd name="T3" fmla="*/ 2147483647 h 937"/>
                  <a:gd name="T4" fmla="*/ 2147483647 w 1500"/>
                  <a:gd name="T5" fmla="*/ 2147483647 h 937"/>
                  <a:gd name="T6" fmla="*/ 2147483647 w 1500"/>
                  <a:gd name="T7" fmla="*/ 2147483647 h 937"/>
                  <a:gd name="T8" fmla="*/ 2147483647 w 1500"/>
                  <a:gd name="T9" fmla="*/ 2147483647 h 937"/>
                  <a:gd name="T10" fmla="*/ 2147483647 w 1500"/>
                  <a:gd name="T11" fmla="*/ 2147483647 h 937"/>
                  <a:gd name="T12" fmla="*/ 2147483647 w 1500"/>
                  <a:gd name="T13" fmla="*/ 2147483647 h 937"/>
                  <a:gd name="T14" fmla="*/ 2147483647 w 1500"/>
                  <a:gd name="T15" fmla="*/ 2147483647 h 937"/>
                  <a:gd name="T16" fmla="*/ 2147483647 w 1500"/>
                  <a:gd name="T17" fmla="*/ 2147483647 h 937"/>
                  <a:gd name="T18" fmla="*/ 2147483647 w 1500"/>
                  <a:gd name="T19" fmla="*/ 2147483647 h 937"/>
                  <a:gd name="T20" fmla="*/ 2147483647 w 1500"/>
                  <a:gd name="T21" fmla="*/ 2147483647 h 937"/>
                  <a:gd name="T22" fmla="*/ 2147483647 w 1500"/>
                  <a:gd name="T23" fmla="*/ 2147483647 h 937"/>
                  <a:gd name="T24" fmla="*/ 2147483647 w 1500"/>
                  <a:gd name="T25" fmla="*/ 2147483647 h 937"/>
                  <a:gd name="T26" fmla="*/ 2147483647 w 1500"/>
                  <a:gd name="T27" fmla="*/ 2147483647 h 937"/>
                  <a:gd name="T28" fmla="*/ 2147483647 w 1500"/>
                  <a:gd name="T29" fmla="*/ 2147483647 h 937"/>
                  <a:gd name="T30" fmla="*/ 2147483647 w 1500"/>
                  <a:gd name="T31" fmla="*/ 2147483647 h 937"/>
                  <a:gd name="T32" fmla="*/ 2147483647 w 1500"/>
                  <a:gd name="T33" fmla="*/ 0 h 937"/>
                  <a:gd name="T34" fmla="*/ 2147483647 w 1500"/>
                  <a:gd name="T35" fmla="*/ 2147483647 h 937"/>
                  <a:gd name="T36" fmla="*/ 2147483647 w 1500"/>
                  <a:gd name="T37" fmla="*/ 2147483647 h 937"/>
                  <a:gd name="T38" fmla="*/ 2147483647 w 1500"/>
                  <a:gd name="T39" fmla="*/ 2147483647 h 937"/>
                  <a:gd name="T40" fmla="*/ 2147483647 w 1500"/>
                  <a:gd name="T41" fmla="*/ 2147483647 h 937"/>
                  <a:gd name="T42" fmla="*/ 2147483647 w 1500"/>
                  <a:gd name="T43" fmla="*/ 2147483647 h 937"/>
                  <a:gd name="T44" fmla="*/ 2147483647 w 1500"/>
                  <a:gd name="T45" fmla="*/ 2147483647 h 937"/>
                  <a:gd name="T46" fmla="*/ 2147483647 w 1500"/>
                  <a:gd name="T47" fmla="*/ 2147483647 h 937"/>
                  <a:gd name="T48" fmla="*/ 2147483647 w 1500"/>
                  <a:gd name="T49" fmla="*/ 2147483647 h 937"/>
                  <a:gd name="T50" fmla="*/ 2147483647 w 1500"/>
                  <a:gd name="T51" fmla="*/ 2147483647 h 937"/>
                  <a:gd name="T52" fmla="*/ 2147483647 w 1500"/>
                  <a:gd name="T53" fmla="*/ 2147483647 h 937"/>
                  <a:gd name="T54" fmla="*/ 2147483647 w 1500"/>
                  <a:gd name="T55" fmla="*/ 2147483647 h 937"/>
                  <a:gd name="T56" fmla="*/ 2147483647 w 1500"/>
                  <a:gd name="T57" fmla="*/ 2147483647 h 937"/>
                  <a:gd name="T58" fmla="*/ 2147483647 w 1500"/>
                  <a:gd name="T59" fmla="*/ 2147483647 h 937"/>
                  <a:gd name="T60" fmla="*/ 2147483647 w 1500"/>
                  <a:gd name="T61" fmla="*/ 2147483647 h 937"/>
                  <a:gd name="T62" fmla="*/ 2147483647 w 1500"/>
                  <a:gd name="T63" fmla="*/ 2147483647 h 937"/>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1500"/>
                  <a:gd name="T97" fmla="*/ 0 h 937"/>
                  <a:gd name="T98" fmla="*/ 1500 w 1500"/>
                  <a:gd name="T99" fmla="*/ 937 h 937"/>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1500" h="937">
                    <a:moveTo>
                      <a:pt x="9" y="336"/>
                    </a:moveTo>
                    <a:lnTo>
                      <a:pt x="69" y="424"/>
                    </a:lnTo>
                    <a:lnTo>
                      <a:pt x="0" y="568"/>
                    </a:lnTo>
                    <a:lnTo>
                      <a:pt x="35" y="608"/>
                    </a:lnTo>
                    <a:lnTo>
                      <a:pt x="104" y="608"/>
                    </a:lnTo>
                    <a:lnTo>
                      <a:pt x="78" y="672"/>
                    </a:lnTo>
                    <a:lnTo>
                      <a:pt x="95" y="712"/>
                    </a:lnTo>
                    <a:lnTo>
                      <a:pt x="147" y="696"/>
                    </a:lnTo>
                    <a:lnTo>
                      <a:pt x="303" y="936"/>
                    </a:lnTo>
                    <a:lnTo>
                      <a:pt x="468" y="864"/>
                    </a:lnTo>
                    <a:lnTo>
                      <a:pt x="537" y="896"/>
                    </a:lnTo>
                    <a:lnTo>
                      <a:pt x="685" y="792"/>
                    </a:lnTo>
                    <a:lnTo>
                      <a:pt x="953" y="872"/>
                    </a:lnTo>
                    <a:lnTo>
                      <a:pt x="979" y="848"/>
                    </a:lnTo>
                    <a:lnTo>
                      <a:pt x="970" y="792"/>
                    </a:lnTo>
                    <a:lnTo>
                      <a:pt x="1014" y="776"/>
                    </a:lnTo>
                    <a:lnTo>
                      <a:pt x="1074" y="776"/>
                    </a:lnTo>
                    <a:lnTo>
                      <a:pt x="1092" y="704"/>
                    </a:lnTo>
                    <a:lnTo>
                      <a:pt x="1109" y="664"/>
                    </a:lnTo>
                    <a:lnTo>
                      <a:pt x="1126" y="640"/>
                    </a:lnTo>
                    <a:lnTo>
                      <a:pt x="1196" y="624"/>
                    </a:lnTo>
                    <a:lnTo>
                      <a:pt x="1222" y="528"/>
                    </a:lnTo>
                    <a:lnTo>
                      <a:pt x="1161" y="464"/>
                    </a:lnTo>
                    <a:lnTo>
                      <a:pt x="1196" y="400"/>
                    </a:lnTo>
                    <a:lnTo>
                      <a:pt x="1239" y="408"/>
                    </a:lnTo>
                    <a:lnTo>
                      <a:pt x="1360" y="296"/>
                    </a:lnTo>
                    <a:lnTo>
                      <a:pt x="1334" y="264"/>
                    </a:lnTo>
                    <a:lnTo>
                      <a:pt x="1430" y="216"/>
                    </a:lnTo>
                    <a:lnTo>
                      <a:pt x="1430" y="184"/>
                    </a:lnTo>
                    <a:lnTo>
                      <a:pt x="1499" y="128"/>
                    </a:lnTo>
                    <a:lnTo>
                      <a:pt x="1456" y="112"/>
                    </a:lnTo>
                    <a:lnTo>
                      <a:pt x="1430" y="64"/>
                    </a:lnTo>
                    <a:lnTo>
                      <a:pt x="1447" y="16"/>
                    </a:lnTo>
                    <a:lnTo>
                      <a:pt x="1430" y="0"/>
                    </a:lnTo>
                    <a:lnTo>
                      <a:pt x="1404" y="24"/>
                    </a:lnTo>
                    <a:lnTo>
                      <a:pt x="1404" y="80"/>
                    </a:lnTo>
                    <a:lnTo>
                      <a:pt x="1239" y="168"/>
                    </a:lnTo>
                    <a:lnTo>
                      <a:pt x="1118" y="112"/>
                    </a:lnTo>
                    <a:lnTo>
                      <a:pt x="1083" y="120"/>
                    </a:lnTo>
                    <a:lnTo>
                      <a:pt x="1048" y="144"/>
                    </a:lnTo>
                    <a:lnTo>
                      <a:pt x="1048" y="160"/>
                    </a:lnTo>
                    <a:lnTo>
                      <a:pt x="1005" y="224"/>
                    </a:lnTo>
                    <a:lnTo>
                      <a:pt x="944" y="216"/>
                    </a:lnTo>
                    <a:lnTo>
                      <a:pt x="875" y="264"/>
                    </a:lnTo>
                    <a:lnTo>
                      <a:pt x="840" y="296"/>
                    </a:lnTo>
                    <a:lnTo>
                      <a:pt x="788" y="264"/>
                    </a:lnTo>
                    <a:lnTo>
                      <a:pt x="667" y="288"/>
                    </a:lnTo>
                    <a:lnTo>
                      <a:pt x="693" y="320"/>
                    </a:lnTo>
                    <a:lnTo>
                      <a:pt x="659" y="344"/>
                    </a:lnTo>
                    <a:lnTo>
                      <a:pt x="624" y="320"/>
                    </a:lnTo>
                    <a:lnTo>
                      <a:pt x="581" y="336"/>
                    </a:lnTo>
                    <a:lnTo>
                      <a:pt x="494" y="368"/>
                    </a:lnTo>
                    <a:lnTo>
                      <a:pt x="485" y="336"/>
                    </a:lnTo>
                    <a:lnTo>
                      <a:pt x="459" y="328"/>
                    </a:lnTo>
                    <a:lnTo>
                      <a:pt x="433" y="376"/>
                    </a:lnTo>
                    <a:lnTo>
                      <a:pt x="399" y="384"/>
                    </a:lnTo>
                    <a:lnTo>
                      <a:pt x="364" y="408"/>
                    </a:lnTo>
                    <a:lnTo>
                      <a:pt x="355" y="448"/>
                    </a:lnTo>
                    <a:lnTo>
                      <a:pt x="286" y="528"/>
                    </a:lnTo>
                    <a:lnTo>
                      <a:pt x="243" y="544"/>
                    </a:lnTo>
                    <a:lnTo>
                      <a:pt x="173" y="456"/>
                    </a:lnTo>
                    <a:lnTo>
                      <a:pt x="113" y="360"/>
                    </a:lnTo>
                    <a:lnTo>
                      <a:pt x="95" y="320"/>
                    </a:lnTo>
                    <a:lnTo>
                      <a:pt x="26" y="312"/>
                    </a:lnTo>
                    <a:lnTo>
                      <a:pt x="9" y="336"/>
                    </a:lnTo>
                  </a:path>
                </a:pathLst>
              </a:custGeom>
              <a:solidFill>
                <a:srgbClr val="808080"/>
              </a:solidFill>
              <a:ln w="12700" cap="rnd">
                <a:solidFill>
                  <a:schemeClr val="bg1"/>
                </a:solidFill>
                <a:round/>
                <a:headEnd/>
                <a:tailEnd/>
              </a:ln>
            </p:spPr>
            <p:txBody>
              <a:bodyPr/>
              <a:lstStyle/>
              <a:p>
                <a:endParaRPr lang="de-CH" dirty="0"/>
              </a:p>
            </p:txBody>
          </p:sp>
          <p:sp>
            <p:nvSpPr>
              <p:cNvPr id="58" name="Freeform 92"/>
              <p:cNvSpPr>
                <a:spLocks/>
              </p:cNvSpPr>
              <p:nvPr/>
            </p:nvSpPr>
            <p:spPr bwMode="auto">
              <a:xfrm>
                <a:off x="1859" y="1525"/>
                <a:ext cx="760" cy="686"/>
              </a:xfrm>
              <a:custGeom>
                <a:avLst/>
                <a:gdLst>
                  <a:gd name="T0" fmla="*/ 2147483647 w 581"/>
                  <a:gd name="T1" fmla="*/ 2147483647 h 521"/>
                  <a:gd name="T2" fmla="*/ 2147483647 w 581"/>
                  <a:gd name="T3" fmla="*/ 2147483647 h 521"/>
                  <a:gd name="T4" fmla="*/ 2147483647 w 581"/>
                  <a:gd name="T5" fmla="*/ 2147483647 h 521"/>
                  <a:gd name="T6" fmla="*/ 2147483647 w 581"/>
                  <a:gd name="T7" fmla="*/ 2147483647 h 521"/>
                  <a:gd name="T8" fmla="*/ 2147483647 w 581"/>
                  <a:gd name="T9" fmla="*/ 2147483647 h 521"/>
                  <a:gd name="T10" fmla="*/ 2147483647 w 581"/>
                  <a:gd name="T11" fmla="*/ 2147483647 h 521"/>
                  <a:gd name="T12" fmla="*/ 2147483647 w 581"/>
                  <a:gd name="T13" fmla="*/ 2147483647 h 521"/>
                  <a:gd name="T14" fmla="*/ 2147483647 w 581"/>
                  <a:gd name="T15" fmla="*/ 2147483647 h 521"/>
                  <a:gd name="T16" fmla="*/ 2147483647 w 581"/>
                  <a:gd name="T17" fmla="*/ 2147483647 h 521"/>
                  <a:gd name="T18" fmla="*/ 2147483647 w 581"/>
                  <a:gd name="T19" fmla="*/ 2147483647 h 521"/>
                  <a:gd name="T20" fmla="*/ 2147483647 w 581"/>
                  <a:gd name="T21" fmla="*/ 2147483647 h 521"/>
                  <a:gd name="T22" fmla="*/ 2147483647 w 581"/>
                  <a:gd name="T23" fmla="*/ 2147483647 h 521"/>
                  <a:gd name="T24" fmla="*/ 2147483647 w 581"/>
                  <a:gd name="T25" fmla="*/ 2147483647 h 521"/>
                  <a:gd name="T26" fmla="*/ 2147483647 w 581"/>
                  <a:gd name="T27" fmla="*/ 2147483647 h 521"/>
                  <a:gd name="T28" fmla="*/ 2147483647 w 581"/>
                  <a:gd name="T29" fmla="*/ 2147483647 h 521"/>
                  <a:gd name="T30" fmla="*/ 2147483647 w 581"/>
                  <a:gd name="T31" fmla="*/ 2147483647 h 521"/>
                  <a:gd name="T32" fmla="*/ 2147483647 w 581"/>
                  <a:gd name="T33" fmla="*/ 2147483647 h 521"/>
                  <a:gd name="T34" fmla="*/ 2147483647 w 581"/>
                  <a:gd name="T35" fmla="*/ 2147483647 h 521"/>
                  <a:gd name="T36" fmla="*/ 2147483647 w 581"/>
                  <a:gd name="T37" fmla="*/ 2147483647 h 521"/>
                  <a:gd name="T38" fmla="*/ 2147483647 w 581"/>
                  <a:gd name="T39" fmla="*/ 2147483647 h 521"/>
                  <a:gd name="T40" fmla="*/ 2147483647 w 581"/>
                  <a:gd name="T41" fmla="*/ 2147483647 h 521"/>
                  <a:gd name="T42" fmla="*/ 2147483647 w 581"/>
                  <a:gd name="T43" fmla="*/ 2147483647 h 521"/>
                  <a:gd name="T44" fmla="*/ 2147483647 w 581"/>
                  <a:gd name="T45" fmla="*/ 2147483647 h 521"/>
                  <a:gd name="T46" fmla="*/ 2147483647 w 581"/>
                  <a:gd name="T47" fmla="*/ 2147483647 h 521"/>
                  <a:gd name="T48" fmla="*/ 2147483647 w 581"/>
                  <a:gd name="T49" fmla="*/ 2147483647 h 521"/>
                  <a:gd name="T50" fmla="*/ 2147483647 w 581"/>
                  <a:gd name="T51" fmla="*/ 2147483647 h 521"/>
                  <a:gd name="T52" fmla="*/ 2147483647 w 581"/>
                  <a:gd name="T53" fmla="*/ 2147483647 h 521"/>
                  <a:gd name="T54" fmla="*/ 2147483647 w 581"/>
                  <a:gd name="T55" fmla="*/ 2147483647 h 521"/>
                  <a:gd name="T56" fmla="*/ 2147483647 w 581"/>
                  <a:gd name="T57" fmla="*/ 2147483647 h 521"/>
                  <a:gd name="T58" fmla="*/ 2147483647 w 581"/>
                  <a:gd name="T59" fmla="*/ 2147483647 h 521"/>
                  <a:gd name="T60" fmla="*/ 2147483647 w 581"/>
                  <a:gd name="T61" fmla="*/ 2147483647 h 521"/>
                  <a:gd name="T62" fmla="*/ 2147483647 w 581"/>
                  <a:gd name="T63" fmla="*/ 2147483647 h 521"/>
                  <a:gd name="T64" fmla="*/ 2147483647 w 581"/>
                  <a:gd name="T65" fmla="*/ 2147483647 h 521"/>
                  <a:gd name="T66" fmla="*/ 2147483647 w 581"/>
                  <a:gd name="T67" fmla="*/ 2147483647 h 521"/>
                  <a:gd name="T68" fmla="*/ 2147483647 w 581"/>
                  <a:gd name="T69" fmla="*/ 2147483647 h 521"/>
                  <a:gd name="T70" fmla="*/ 2147483647 w 581"/>
                  <a:gd name="T71" fmla="*/ 2147483647 h 521"/>
                  <a:gd name="T72" fmla="*/ 2147483647 w 581"/>
                  <a:gd name="T73" fmla="*/ 2147483647 h 521"/>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581"/>
                  <a:gd name="T112" fmla="*/ 0 h 521"/>
                  <a:gd name="T113" fmla="*/ 581 w 581"/>
                  <a:gd name="T114" fmla="*/ 521 h 521"/>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581" h="521">
                    <a:moveTo>
                      <a:pt x="164" y="216"/>
                    </a:moveTo>
                    <a:lnTo>
                      <a:pt x="173" y="192"/>
                    </a:lnTo>
                    <a:lnTo>
                      <a:pt x="130" y="184"/>
                    </a:lnTo>
                    <a:lnTo>
                      <a:pt x="104" y="184"/>
                    </a:lnTo>
                    <a:lnTo>
                      <a:pt x="78" y="144"/>
                    </a:lnTo>
                    <a:lnTo>
                      <a:pt x="69" y="152"/>
                    </a:lnTo>
                    <a:lnTo>
                      <a:pt x="78" y="128"/>
                    </a:lnTo>
                    <a:lnTo>
                      <a:pt x="104" y="128"/>
                    </a:lnTo>
                    <a:lnTo>
                      <a:pt x="104" y="144"/>
                    </a:lnTo>
                    <a:lnTo>
                      <a:pt x="121" y="144"/>
                    </a:lnTo>
                    <a:lnTo>
                      <a:pt x="147" y="136"/>
                    </a:lnTo>
                    <a:lnTo>
                      <a:pt x="147" y="144"/>
                    </a:lnTo>
                    <a:lnTo>
                      <a:pt x="156" y="144"/>
                    </a:lnTo>
                    <a:lnTo>
                      <a:pt x="156" y="128"/>
                    </a:lnTo>
                    <a:lnTo>
                      <a:pt x="182" y="120"/>
                    </a:lnTo>
                    <a:lnTo>
                      <a:pt x="182" y="128"/>
                    </a:lnTo>
                    <a:lnTo>
                      <a:pt x="190" y="136"/>
                    </a:lnTo>
                    <a:lnTo>
                      <a:pt x="190" y="112"/>
                    </a:lnTo>
                    <a:lnTo>
                      <a:pt x="216" y="96"/>
                    </a:lnTo>
                    <a:lnTo>
                      <a:pt x="216" y="72"/>
                    </a:lnTo>
                    <a:lnTo>
                      <a:pt x="208" y="40"/>
                    </a:lnTo>
                    <a:lnTo>
                      <a:pt x="208" y="8"/>
                    </a:lnTo>
                    <a:lnTo>
                      <a:pt x="242" y="0"/>
                    </a:lnTo>
                    <a:lnTo>
                      <a:pt x="312" y="24"/>
                    </a:lnTo>
                    <a:lnTo>
                      <a:pt x="312" y="56"/>
                    </a:lnTo>
                    <a:lnTo>
                      <a:pt x="286" y="96"/>
                    </a:lnTo>
                    <a:lnTo>
                      <a:pt x="251" y="104"/>
                    </a:lnTo>
                    <a:lnTo>
                      <a:pt x="242" y="128"/>
                    </a:lnTo>
                    <a:lnTo>
                      <a:pt x="242" y="160"/>
                    </a:lnTo>
                    <a:lnTo>
                      <a:pt x="286" y="152"/>
                    </a:lnTo>
                    <a:lnTo>
                      <a:pt x="312" y="144"/>
                    </a:lnTo>
                    <a:lnTo>
                      <a:pt x="364" y="184"/>
                    </a:lnTo>
                    <a:lnTo>
                      <a:pt x="381" y="184"/>
                    </a:lnTo>
                    <a:lnTo>
                      <a:pt x="441" y="128"/>
                    </a:lnTo>
                    <a:lnTo>
                      <a:pt x="511" y="104"/>
                    </a:lnTo>
                    <a:lnTo>
                      <a:pt x="511" y="32"/>
                    </a:lnTo>
                    <a:lnTo>
                      <a:pt x="580" y="128"/>
                    </a:lnTo>
                    <a:lnTo>
                      <a:pt x="563" y="168"/>
                    </a:lnTo>
                    <a:lnTo>
                      <a:pt x="528" y="224"/>
                    </a:lnTo>
                    <a:lnTo>
                      <a:pt x="502" y="216"/>
                    </a:lnTo>
                    <a:lnTo>
                      <a:pt x="476" y="184"/>
                    </a:lnTo>
                    <a:lnTo>
                      <a:pt x="467" y="192"/>
                    </a:lnTo>
                    <a:lnTo>
                      <a:pt x="398" y="288"/>
                    </a:lnTo>
                    <a:lnTo>
                      <a:pt x="329" y="296"/>
                    </a:lnTo>
                    <a:lnTo>
                      <a:pt x="286" y="256"/>
                    </a:lnTo>
                    <a:lnTo>
                      <a:pt x="251" y="264"/>
                    </a:lnTo>
                    <a:lnTo>
                      <a:pt x="216" y="264"/>
                    </a:lnTo>
                    <a:lnTo>
                      <a:pt x="199" y="280"/>
                    </a:lnTo>
                    <a:lnTo>
                      <a:pt x="251" y="328"/>
                    </a:lnTo>
                    <a:lnTo>
                      <a:pt x="286" y="360"/>
                    </a:lnTo>
                    <a:lnTo>
                      <a:pt x="277" y="384"/>
                    </a:lnTo>
                    <a:lnTo>
                      <a:pt x="242" y="424"/>
                    </a:lnTo>
                    <a:lnTo>
                      <a:pt x="190" y="392"/>
                    </a:lnTo>
                    <a:lnTo>
                      <a:pt x="156" y="432"/>
                    </a:lnTo>
                    <a:lnTo>
                      <a:pt x="121" y="480"/>
                    </a:lnTo>
                    <a:lnTo>
                      <a:pt x="139" y="512"/>
                    </a:lnTo>
                    <a:lnTo>
                      <a:pt x="104" y="520"/>
                    </a:lnTo>
                    <a:lnTo>
                      <a:pt x="95" y="520"/>
                    </a:lnTo>
                    <a:lnTo>
                      <a:pt x="95" y="488"/>
                    </a:lnTo>
                    <a:lnTo>
                      <a:pt x="52" y="504"/>
                    </a:lnTo>
                    <a:lnTo>
                      <a:pt x="26" y="488"/>
                    </a:lnTo>
                    <a:lnTo>
                      <a:pt x="9" y="472"/>
                    </a:lnTo>
                    <a:lnTo>
                      <a:pt x="43" y="440"/>
                    </a:lnTo>
                    <a:lnTo>
                      <a:pt x="95" y="424"/>
                    </a:lnTo>
                    <a:lnTo>
                      <a:pt x="121" y="392"/>
                    </a:lnTo>
                    <a:lnTo>
                      <a:pt x="95" y="368"/>
                    </a:lnTo>
                    <a:lnTo>
                      <a:pt x="35" y="400"/>
                    </a:lnTo>
                    <a:lnTo>
                      <a:pt x="9" y="384"/>
                    </a:lnTo>
                    <a:lnTo>
                      <a:pt x="0" y="344"/>
                    </a:lnTo>
                    <a:lnTo>
                      <a:pt x="35" y="312"/>
                    </a:lnTo>
                    <a:lnTo>
                      <a:pt x="69" y="296"/>
                    </a:lnTo>
                    <a:lnTo>
                      <a:pt x="113" y="248"/>
                    </a:lnTo>
                    <a:lnTo>
                      <a:pt x="147" y="232"/>
                    </a:lnTo>
                    <a:lnTo>
                      <a:pt x="164" y="224"/>
                    </a:lnTo>
                    <a:lnTo>
                      <a:pt x="164" y="216"/>
                    </a:lnTo>
                  </a:path>
                </a:pathLst>
              </a:custGeom>
              <a:solidFill>
                <a:srgbClr val="808080"/>
              </a:solidFill>
              <a:ln w="12700" cap="rnd">
                <a:solidFill>
                  <a:schemeClr val="bg1"/>
                </a:solidFill>
                <a:round/>
                <a:headEnd/>
                <a:tailEnd/>
              </a:ln>
            </p:spPr>
            <p:txBody>
              <a:bodyPr/>
              <a:lstStyle/>
              <a:p>
                <a:endParaRPr lang="de-CH" dirty="0"/>
              </a:p>
            </p:txBody>
          </p:sp>
          <p:sp>
            <p:nvSpPr>
              <p:cNvPr id="59" name="Freeform 93"/>
              <p:cNvSpPr>
                <a:spLocks/>
              </p:cNvSpPr>
              <p:nvPr/>
            </p:nvSpPr>
            <p:spPr bwMode="auto">
              <a:xfrm>
                <a:off x="2233" y="2072"/>
                <a:ext cx="46" cy="44"/>
              </a:xfrm>
              <a:custGeom>
                <a:avLst/>
                <a:gdLst>
                  <a:gd name="T0" fmla="*/ 0 w 35"/>
                  <a:gd name="T1" fmla="*/ 0 h 33"/>
                  <a:gd name="T2" fmla="*/ 0 w 35"/>
                  <a:gd name="T3" fmla="*/ 2147483647 h 33"/>
                  <a:gd name="T4" fmla="*/ 0 w 35"/>
                  <a:gd name="T5" fmla="*/ 2147483647 h 33"/>
                  <a:gd name="T6" fmla="*/ 2147483647 w 35"/>
                  <a:gd name="T7" fmla="*/ 2147483647 h 33"/>
                  <a:gd name="T8" fmla="*/ 2147483647 w 35"/>
                  <a:gd name="T9" fmla="*/ 2147483647 h 33"/>
                  <a:gd name="T10" fmla="*/ 2147483647 w 35"/>
                  <a:gd name="T11" fmla="*/ 0 h 33"/>
                  <a:gd name="T12" fmla="*/ 0 w 35"/>
                  <a:gd name="T13" fmla="*/ 0 h 33"/>
                  <a:gd name="T14" fmla="*/ 0 60000 65536"/>
                  <a:gd name="T15" fmla="*/ 0 60000 65536"/>
                  <a:gd name="T16" fmla="*/ 0 60000 65536"/>
                  <a:gd name="T17" fmla="*/ 0 60000 65536"/>
                  <a:gd name="T18" fmla="*/ 0 60000 65536"/>
                  <a:gd name="T19" fmla="*/ 0 60000 65536"/>
                  <a:gd name="T20" fmla="*/ 0 60000 65536"/>
                  <a:gd name="T21" fmla="*/ 0 w 35"/>
                  <a:gd name="T22" fmla="*/ 0 h 33"/>
                  <a:gd name="T23" fmla="*/ 35 w 35"/>
                  <a:gd name="T24" fmla="*/ 33 h 3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5" h="33">
                    <a:moveTo>
                      <a:pt x="0" y="0"/>
                    </a:moveTo>
                    <a:lnTo>
                      <a:pt x="0" y="16"/>
                    </a:lnTo>
                    <a:lnTo>
                      <a:pt x="0" y="32"/>
                    </a:lnTo>
                    <a:lnTo>
                      <a:pt x="26" y="24"/>
                    </a:lnTo>
                    <a:lnTo>
                      <a:pt x="34" y="16"/>
                    </a:lnTo>
                    <a:lnTo>
                      <a:pt x="17" y="0"/>
                    </a:lnTo>
                    <a:lnTo>
                      <a:pt x="0" y="0"/>
                    </a:lnTo>
                  </a:path>
                </a:pathLst>
              </a:custGeom>
              <a:solidFill>
                <a:srgbClr val="CBCBCB"/>
              </a:solidFill>
              <a:ln w="12700" cap="rnd">
                <a:solidFill>
                  <a:schemeClr val="bg1"/>
                </a:solidFill>
                <a:round/>
                <a:headEnd/>
                <a:tailEnd/>
              </a:ln>
            </p:spPr>
            <p:txBody>
              <a:bodyPr/>
              <a:lstStyle/>
              <a:p>
                <a:endParaRPr lang="de-CH" dirty="0"/>
              </a:p>
            </p:txBody>
          </p:sp>
          <p:sp>
            <p:nvSpPr>
              <p:cNvPr id="60" name="Freeform 94"/>
              <p:cNvSpPr>
                <a:spLocks/>
              </p:cNvSpPr>
              <p:nvPr/>
            </p:nvSpPr>
            <p:spPr bwMode="auto">
              <a:xfrm>
                <a:off x="3016" y="1936"/>
                <a:ext cx="681" cy="506"/>
              </a:xfrm>
              <a:custGeom>
                <a:avLst/>
                <a:gdLst>
                  <a:gd name="T0" fmla="*/ 2147483647 w 521"/>
                  <a:gd name="T1" fmla="*/ 2147483647 h 385"/>
                  <a:gd name="T2" fmla="*/ 2147483647 w 521"/>
                  <a:gd name="T3" fmla="*/ 2147483647 h 385"/>
                  <a:gd name="T4" fmla="*/ 2147483647 w 521"/>
                  <a:gd name="T5" fmla="*/ 2147483647 h 385"/>
                  <a:gd name="T6" fmla="*/ 2147483647 w 521"/>
                  <a:gd name="T7" fmla="*/ 2147483647 h 385"/>
                  <a:gd name="T8" fmla="*/ 2147483647 w 521"/>
                  <a:gd name="T9" fmla="*/ 2147483647 h 385"/>
                  <a:gd name="T10" fmla="*/ 2147483647 w 521"/>
                  <a:gd name="T11" fmla="*/ 2147483647 h 385"/>
                  <a:gd name="T12" fmla="*/ 2147483647 w 521"/>
                  <a:gd name="T13" fmla="*/ 2147483647 h 385"/>
                  <a:gd name="T14" fmla="*/ 2147483647 w 521"/>
                  <a:gd name="T15" fmla="*/ 2147483647 h 385"/>
                  <a:gd name="T16" fmla="*/ 0 w 521"/>
                  <a:gd name="T17" fmla="*/ 2147483647 h 385"/>
                  <a:gd name="T18" fmla="*/ 2147483647 w 521"/>
                  <a:gd name="T19" fmla="*/ 2147483647 h 385"/>
                  <a:gd name="T20" fmla="*/ 2147483647 w 521"/>
                  <a:gd name="T21" fmla="*/ 2147483647 h 385"/>
                  <a:gd name="T22" fmla="*/ 2147483647 w 521"/>
                  <a:gd name="T23" fmla="*/ 2147483647 h 385"/>
                  <a:gd name="T24" fmla="*/ 2147483647 w 521"/>
                  <a:gd name="T25" fmla="*/ 2147483647 h 385"/>
                  <a:gd name="T26" fmla="*/ 2147483647 w 521"/>
                  <a:gd name="T27" fmla="*/ 2147483647 h 385"/>
                  <a:gd name="T28" fmla="*/ 2147483647 w 521"/>
                  <a:gd name="T29" fmla="*/ 2147483647 h 385"/>
                  <a:gd name="T30" fmla="*/ 2147483647 w 521"/>
                  <a:gd name="T31" fmla="*/ 2147483647 h 385"/>
                  <a:gd name="T32" fmla="*/ 2147483647 w 521"/>
                  <a:gd name="T33" fmla="*/ 2147483647 h 385"/>
                  <a:gd name="T34" fmla="*/ 2147483647 w 521"/>
                  <a:gd name="T35" fmla="*/ 2147483647 h 385"/>
                  <a:gd name="T36" fmla="*/ 2147483647 w 521"/>
                  <a:gd name="T37" fmla="*/ 2147483647 h 385"/>
                  <a:gd name="T38" fmla="*/ 2147483647 w 521"/>
                  <a:gd name="T39" fmla="*/ 2147483647 h 385"/>
                  <a:gd name="T40" fmla="*/ 2147483647 w 521"/>
                  <a:gd name="T41" fmla="*/ 2147483647 h 385"/>
                  <a:gd name="T42" fmla="*/ 2147483647 w 521"/>
                  <a:gd name="T43" fmla="*/ 2147483647 h 385"/>
                  <a:gd name="T44" fmla="*/ 2147483647 w 521"/>
                  <a:gd name="T45" fmla="*/ 2147483647 h 385"/>
                  <a:gd name="T46" fmla="*/ 2147483647 w 521"/>
                  <a:gd name="T47" fmla="*/ 2147483647 h 385"/>
                  <a:gd name="T48" fmla="*/ 2147483647 w 521"/>
                  <a:gd name="T49" fmla="*/ 2147483647 h 385"/>
                  <a:gd name="T50" fmla="*/ 2147483647 w 521"/>
                  <a:gd name="T51" fmla="*/ 2147483647 h 385"/>
                  <a:gd name="T52" fmla="*/ 2147483647 w 521"/>
                  <a:gd name="T53" fmla="*/ 2147483647 h 385"/>
                  <a:gd name="T54" fmla="*/ 2147483647 w 521"/>
                  <a:gd name="T55" fmla="*/ 2147483647 h 385"/>
                  <a:gd name="T56" fmla="*/ 2147483647 w 521"/>
                  <a:gd name="T57" fmla="*/ 2147483647 h 385"/>
                  <a:gd name="T58" fmla="*/ 2147483647 w 521"/>
                  <a:gd name="T59" fmla="*/ 2147483647 h 385"/>
                  <a:gd name="T60" fmla="*/ 2147483647 w 521"/>
                  <a:gd name="T61" fmla="*/ 2147483647 h 385"/>
                  <a:gd name="T62" fmla="*/ 2147483647 w 521"/>
                  <a:gd name="T63" fmla="*/ 2147483647 h 385"/>
                  <a:gd name="T64" fmla="*/ 2147483647 w 521"/>
                  <a:gd name="T65" fmla="*/ 2147483647 h 385"/>
                  <a:gd name="T66" fmla="*/ 2147483647 w 521"/>
                  <a:gd name="T67" fmla="*/ 2147483647 h 385"/>
                  <a:gd name="T68" fmla="*/ 2147483647 w 521"/>
                  <a:gd name="T69" fmla="*/ 0 h 385"/>
                  <a:gd name="T70" fmla="*/ 2147483647 w 521"/>
                  <a:gd name="T71" fmla="*/ 2147483647 h 385"/>
                  <a:gd name="T72" fmla="*/ 2147483647 w 521"/>
                  <a:gd name="T73" fmla="*/ 0 h 385"/>
                  <a:gd name="T74" fmla="*/ 2147483647 w 521"/>
                  <a:gd name="T75" fmla="*/ 2147483647 h 385"/>
                  <a:gd name="T76" fmla="*/ 2147483647 w 521"/>
                  <a:gd name="T77" fmla="*/ 2147483647 h 385"/>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521"/>
                  <a:gd name="T118" fmla="*/ 0 h 385"/>
                  <a:gd name="T119" fmla="*/ 521 w 521"/>
                  <a:gd name="T120" fmla="*/ 385 h 385"/>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521" h="385">
                    <a:moveTo>
                      <a:pt x="260" y="48"/>
                    </a:moveTo>
                    <a:lnTo>
                      <a:pt x="277" y="80"/>
                    </a:lnTo>
                    <a:lnTo>
                      <a:pt x="234" y="120"/>
                    </a:lnTo>
                    <a:lnTo>
                      <a:pt x="199" y="168"/>
                    </a:lnTo>
                    <a:lnTo>
                      <a:pt x="139" y="160"/>
                    </a:lnTo>
                    <a:lnTo>
                      <a:pt x="104" y="144"/>
                    </a:lnTo>
                    <a:lnTo>
                      <a:pt x="78" y="136"/>
                    </a:lnTo>
                    <a:lnTo>
                      <a:pt x="52" y="136"/>
                    </a:lnTo>
                    <a:lnTo>
                      <a:pt x="0" y="168"/>
                    </a:lnTo>
                    <a:lnTo>
                      <a:pt x="17" y="184"/>
                    </a:lnTo>
                    <a:lnTo>
                      <a:pt x="43" y="200"/>
                    </a:lnTo>
                    <a:lnTo>
                      <a:pt x="78" y="208"/>
                    </a:lnTo>
                    <a:lnTo>
                      <a:pt x="104" y="224"/>
                    </a:lnTo>
                    <a:lnTo>
                      <a:pt x="95" y="264"/>
                    </a:lnTo>
                    <a:lnTo>
                      <a:pt x="95" y="288"/>
                    </a:lnTo>
                    <a:lnTo>
                      <a:pt x="173" y="296"/>
                    </a:lnTo>
                    <a:lnTo>
                      <a:pt x="191" y="280"/>
                    </a:lnTo>
                    <a:lnTo>
                      <a:pt x="199" y="296"/>
                    </a:lnTo>
                    <a:lnTo>
                      <a:pt x="208" y="328"/>
                    </a:lnTo>
                    <a:lnTo>
                      <a:pt x="225" y="336"/>
                    </a:lnTo>
                    <a:lnTo>
                      <a:pt x="260" y="336"/>
                    </a:lnTo>
                    <a:lnTo>
                      <a:pt x="295" y="368"/>
                    </a:lnTo>
                    <a:lnTo>
                      <a:pt x="364" y="344"/>
                    </a:lnTo>
                    <a:lnTo>
                      <a:pt x="381" y="360"/>
                    </a:lnTo>
                    <a:lnTo>
                      <a:pt x="416" y="384"/>
                    </a:lnTo>
                    <a:lnTo>
                      <a:pt x="485" y="360"/>
                    </a:lnTo>
                    <a:lnTo>
                      <a:pt x="503" y="296"/>
                    </a:lnTo>
                    <a:lnTo>
                      <a:pt x="442" y="232"/>
                    </a:lnTo>
                    <a:lnTo>
                      <a:pt x="477" y="216"/>
                    </a:lnTo>
                    <a:lnTo>
                      <a:pt x="520" y="152"/>
                    </a:lnTo>
                    <a:lnTo>
                      <a:pt x="494" y="112"/>
                    </a:lnTo>
                    <a:lnTo>
                      <a:pt x="503" y="64"/>
                    </a:lnTo>
                    <a:lnTo>
                      <a:pt x="485" y="32"/>
                    </a:lnTo>
                    <a:lnTo>
                      <a:pt x="503" y="8"/>
                    </a:lnTo>
                    <a:lnTo>
                      <a:pt x="477" y="0"/>
                    </a:lnTo>
                    <a:lnTo>
                      <a:pt x="459" y="8"/>
                    </a:lnTo>
                    <a:lnTo>
                      <a:pt x="364" y="0"/>
                    </a:lnTo>
                    <a:lnTo>
                      <a:pt x="277" y="24"/>
                    </a:lnTo>
                    <a:lnTo>
                      <a:pt x="260" y="48"/>
                    </a:lnTo>
                  </a:path>
                </a:pathLst>
              </a:custGeom>
              <a:solidFill>
                <a:srgbClr val="808080"/>
              </a:solidFill>
              <a:ln w="12700" cap="rnd">
                <a:solidFill>
                  <a:schemeClr val="bg1"/>
                </a:solidFill>
                <a:round/>
                <a:headEnd/>
                <a:tailEnd/>
              </a:ln>
            </p:spPr>
            <p:txBody>
              <a:bodyPr/>
              <a:lstStyle/>
              <a:p>
                <a:endParaRPr lang="de-CH" dirty="0"/>
              </a:p>
            </p:txBody>
          </p:sp>
          <p:sp>
            <p:nvSpPr>
              <p:cNvPr id="61" name="Freeform 96"/>
              <p:cNvSpPr>
                <a:spLocks/>
              </p:cNvSpPr>
              <p:nvPr/>
            </p:nvSpPr>
            <p:spPr bwMode="auto">
              <a:xfrm>
                <a:off x="3492" y="1451"/>
                <a:ext cx="885" cy="1033"/>
              </a:xfrm>
              <a:custGeom>
                <a:avLst/>
                <a:gdLst>
                  <a:gd name="T0" fmla="*/ 2147483647 w 677"/>
                  <a:gd name="T1" fmla="*/ 2147483647 h 785"/>
                  <a:gd name="T2" fmla="*/ 2147483647 w 677"/>
                  <a:gd name="T3" fmla="*/ 2147483647 h 785"/>
                  <a:gd name="T4" fmla="*/ 2147483647 w 677"/>
                  <a:gd name="T5" fmla="*/ 0 h 785"/>
                  <a:gd name="T6" fmla="*/ 2147483647 w 677"/>
                  <a:gd name="T7" fmla="*/ 2147483647 h 785"/>
                  <a:gd name="T8" fmla="*/ 2147483647 w 677"/>
                  <a:gd name="T9" fmla="*/ 2147483647 h 785"/>
                  <a:gd name="T10" fmla="*/ 2147483647 w 677"/>
                  <a:gd name="T11" fmla="*/ 2147483647 h 785"/>
                  <a:gd name="T12" fmla="*/ 2147483647 w 677"/>
                  <a:gd name="T13" fmla="*/ 2147483647 h 785"/>
                  <a:gd name="T14" fmla="*/ 2147483647 w 677"/>
                  <a:gd name="T15" fmla="*/ 2147483647 h 785"/>
                  <a:gd name="T16" fmla="*/ 2147483647 w 677"/>
                  <a:gd name="T17" fmla="*/ 2147483647 h 785"/>
                  <a:gd name="T18" fmla="*/ 2147483647 w 677"/>
                  <a:gd name="T19" fmla="*/ 2147483647 h 785"/>
                  <a:gd name="T20" fmla="*/ 2147483647 w 677"/>
                  <a:gd name="T21" fmla="*/ 2147483647 h 785"/>
                  <a:gd name="T22" fmla="*/ 2147483647 w 677"/>
                  <a:gd name="T23" fmla="*/ 2147483647 h 785"/>
                  <a:gd name="T24" fmla="*/ 2147483647 w 677"/>
                  <a:gd name="T25" fmla="*/ 2147483647 h 785"/>
                  <a:gd name="T26" fmla="*/ 2147483647 w 677"/>
                  <a:gd name="T27" fmla="*/ 2147483647 h 785"/>
                  <a:gd name="T28" fmla="*/ 2147483647 w 677"/>
                  <a:gd name="T29" fmla="*/ 2147483647 h 785"/>
                  <a:gd name="T30" fmla="*/ 2147483647 w 677"/>
                  <a:gd name="T31" fmla="*/ 2147483647 h 785"/>
                  <a:gd name="T32" fmla="*/ 2147483647 w 677"/>
                  <a:gd name="T33" fmla="*/ 2147483647 h 785"/>
                  <a:gd name="T34" fmla="*/ 2147483647 w 677"/>
                  <a:gd name="T35" fmla="*/ 2147483647 h 785"/>
                  <a:gd name="T36" fmla="*/ 2147483647 w 677"/>
                  <a:gd name="T37" fmla="*/ 2147483647 h 785"/>
                  <a:gd name="T38" fmla="*/ 0 w 677"/>
                  <a:gd name="T39" fmla="*/ 2147483647 h 785"/>
                  <a:gd name="T40" fmla="*/ 2147483647 w 677"/>
                  <a:gd name="T41" fmla="*/ 2147483647 h 785"/>
                  <a:gd name="T42" fmla="*/ 2147483647 w 677"/>
                  <a:gd name="T43" fmla="*/ 2147483647 h 785"/>
                  <a:gd name="T44" fmla="*/ 2147483647 w 677"/>
                  <a:gd name="T45" fmla="*/ 2147483647 h 785"/>
                  <a:gd name="T46" fmla="*/ 2147483647 w 677"/>
                  <a:gd name="T47" fmla="*/ 2147483647 h 785"/>
                  <a:gd name="T48" fmla="*/ 2147483647 w 677"/>
                  <a:gd name="T49" fmla="*/ 2147483647 h 785"/>
                  <a:gd name="T50" fmla="*/ 2147483647 w 677"/>
                  <a:gd name="T51" fmla="*/ 2147483647 h 785"/>
                  <a:gd name="T52" fmla="*/ 2147483647 w 677"/>
                  <a:gd name="T53" fmla="*/ 2147483647 h 785"/>
                  <a:gd name="T54" fmla="*/ 2147483647 w 677"/>
                  <a:gd name="T55" fmla="*/ 2147483647 h 785"/>
                  <a:gd name="T56" fmla="*/ 2147483647 w 677"/>
                  <a:gd name="T57" fmla="*/ 2147483647 h 785"/>
                  <a:gd name="T58" fmla="*/ 2147483647 w 677"/>
                  <a:gd name="T59" fmla="*/ 2147483647 h 785"/>
                  <a:gd name="T60" fmla="*/ 2147483647 w 677"/>
                  <a:gd name="T61" fmla="*/ 2147483647 h 785"/>
                  <a:gd name="T62" fmla="*/ 2147483647 w 677"/>
                  <a:gd name="T63" fmla="*/ 2147483647 h 785"/>
                  <a:gd name="T64" fmla="*/ 2147483647 w 677"/>
                  <a:gd name="T65" fmla="*/ 2147483647 h 785"/>
                  <a:gd name="T66" fmla="*/ 2147483647 w 677"/>
                  <a:gd name="T67" fmla="*/ 2147483647 h 785"/>
                  <a:gd name="T68" fmla="*/ 2147483647 w 677"/>
                  <a:gd name="T69" fmla="*/ 2147483647 h 785"/>
                  <a:gd name="T70" fmla="*/ 2147483647 w 677"/>
                  <a:gd name="T71" fmla="*/ 2147483647 h 785"/>
                  <a:gd name="T72" fmla="*/ 2147483647 w 677"/>
                  <a:gd name="T73" fmla="*/ 2147483647 h 785"/>
                  <a:gd name="T74" fmla="*/ 2147483647 w 677"/>
                  <a:gd name="T75" fmla="*/ 2147483647 h 785"/>
                  <a:gd name="T76" fmla="*/ 2147483647 w 677"/>
                  <a:gd name="T77" fmla="*/ 2147483647 h 785"/>
                  <a:gd name="T78" fmla="*/ 2147483647 w 677"/>
                  <a:gd name="T79" fmla="*/ 2147483647 h 785"/>
                  <a:gd name="T80" fmla="*/ 2147483647 w 677"/>
                  <a:gd name="T81" fmla="*/ 2147483647 h 785"/>
                  <a:gd name="T82" fmla="*/ 2147483647 w 677"/>
                  <a:gd name="T83" fmla="*/ 2147483647 h 785"/>
                  <a:gd name="T84" fmla="*/ 2147483647 w 677"/>
                  <a:gd name="T85" fmla="*/ 2147483647 h 785"/>
                  <a:gd name="T86" fmla="*/ 2147483647 w 677"/>
                  <a:gd name="T87" fmla="*/ 2147483647 h 785"/>
                  <a:gd name="T88" fmla="*/ 2147483647 w 677"/>
                  <a:gd name="T89" fmla="*/ 2147483647 h 785"/>
                  <a:gd name="T90" fmla="*/ 2147483647 w 677"/>
                  <a:gd name="T91" fmla="*/ 2147483647 h 785"/>
                  <a:gd name="T92" fmla="*/ 2147483647 w 677"/>
                  <a:gd name="T93" fmla="*/ 2147483647 h 785"/>
                  <a:gd name="T94" fmla="*/ 2147483647 w 677"/>
                  <a:gd name="T95" fmla="*/ 2147483647 h 785"/>
                  <a:gd name="T96" fmla="*/ 2147483647 w 677"/>
                  <a:gd name="T97" fmla="*/ 2147483647 h 785"/>
                  <a:gd name="T98" fmla="*/ 2147483647 w 677"/>
                  <a:gd name="T99" fmla="*/ 2147483647 h 785"/>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677"/>
                  <a:gd name="T151" fmla="*/ 0 h 785"/>
                  <a:gd name="T152" fmla="*/ 677 w 677"/>
                  <a:gd name="T153" fmla="*/ 785 h 785"/>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677" h="785">
                    <a:moveTo>
                      <a:pt x="459" y="48"/>
                    </a:moveTo>
                    <a:lnTo>
                      <a:pt x="425" y="48"/>
                    </a:lnTo>
                    <a:lnTo>
                      <a:pt x="381" y="0"/>
                    </a:lnTo>
                    <a:lnTo>
                      <a:pt x="364" y="16"/>
                    </a:lnTo>
                    <a:lnTo>
                      <a:pt x="390" y="40"/>
                    </a:lnTo>
                    <a:lnTo>
                      <a:pt x="355" y="72"/>
                    </a:lnTo>
                    <a:lnTo>
                      <a:pt x="312" y="32"/>
                    </a:lnTo>
                    <a:lnTo>
                      <a:pt x="286" y="24"/>
                    </a:lnTo>
                    <a:lnTo>
                      <a:pt x="243" y="56"/>
                    </a:lnTo>
                    <a:lnTo>
                      <a:pt x="199" y="40"/>
                    </a:lnTo>
                    <a:lnTo>
                      <a:pt x="173" y="64"/>
                    </a:lnTo>
                    <a:lnTo>
                      <a:pt x="217" y="112"/>
                    </a:lnTo>
                    <a:lnTo>
                      <a:pt x="182" y="128"/>
                    </a:lnTo>
                    <a:lnTo>
                      <a:pt x="147" y="144"/>
                    </a:lnTo>
                    <a:lnTo>
                      <a:pt x="121" y="192"/>
                    </a:lnTo>
                    <a:lnTo>
                      <a:pt x="139" y="240"/>
                    </a:lnTo>
                    <a:lnTo>
                      <a:pt x="130" y="280"/>
                    </a:lnTo>
                    <a:lnTo>
                      <a:pt x="104" y="320"/>
                    </a:lnTo>
                    <a:lnTo>
                      <a:pt x="52" y="328"/>
                    </a:lnTo>
                    <a:lnTo>
                      <a:pt x="0" y="368"/>
                    </a:lnTo>
                    <a:lnTo>
                      <a:pt x="95" y="376"/>
                    </a:lnTo>
                    <a:lnTo>
                      <a:pt x="113" y="368"/>
                    </a:lnTo>
                    <a:lnTo>
                      <a:pt x="139" y="376"/>
                    </a:lnTo>
                    <a:lnTo>
                      <a:pt x="121" y="400"/>
                    </a:lnTo>
                    <a:lnTo>
                      <a:pt x="139" y="432"/>
                    </a:lnTo>
                    <a:lnTo>
                      <a:pt x="139" y="440"/>
                    </a:lnTo>
                    <a:lnTo>
                      <a:pt x="217" y="472"/>
                    </a:lnTo>
                    <a:lnTo>
                      <a:pt x="312" y="496"/>
                    </a:lnTo>
                    <a:lnTo>
                      <a:pt x="329" y="504"/>
                    </a:lnTo>
                    <a:lnTo>
                      <a:pt x="355" y="544"/>
                    </a:lnTo>
                    <a:lnTo>
                      <a:pt x="303" y="592"/>
                    </a:lnTo>
                    <a:lnTo>
                      <a:pt x="329" y="624"/>
                    </a:lnTo>
                    <a:lnTo>
                      <a:pt x="364" y="608"/>
                    </a:lnTo>
                    <a:lnTo>
                      <a:pt x="390" y="632"/>
                    </a:lnTo>
                    <a:lnTo>
                      <a:pt x="390" y="736"/>
                    </a:lnTo>
                    <a:lnTo>
                      <a:pt x="572" y="784"/>
                    </a:lnTo>
                    <a:lnTo>
                      <a:pt x="598" y="712"/>
                    </a:lnTo>
                    <a:lnTo>
                      <a:pt x="633" y="648"/>
                    </a:lnTo>
                    <a:lnTo>
                      <a:pt x="598" y="576"/>
                    </a:lnTo>
                    <a:lnTo>
                      <a:pt x="563" y="560"/>
                    </a:lnTo>
                    <a:lnTo>
                      <a:pt x="598" y="520"/>
                    </a:lnTo>
                    <a:lnTo>
                      <a:pt x="555" y="376"/>
                    </a:lnTo>
                    <a:lnTo>
                      <a:pt x="598" y="280"/>
                    </a:lnTo>
                    <a:lnTo>
                      <a:pt x="615" y="200"/>
                    </a:lnTo>
                    <a:lnTo>
                      <a:pt x="676" y="152"/>
                    </a:lnTo>
                    <a:lnTo>
                      <a:pt x="659" y="96"/>
                    </a:lnTo>
                    <a:lnTo>
                      <a:pt x="624" y="72"/>
                    </a:lnTo>
                    <a:lnTo>
                      <a:pt x="598" y="48"/>
                    </a:lnTo>
                    <a:lnTo>
                      <a:pt x="494" y="8"/>
                    </a:lnTo>
                    <a:lnTo>
                      <a:pt x="459" y="48"/>
                    </a:lnTo>
                  </a:path>
                </a:pathLst>
              </a:custGeom>
              <a:solidFill>
                <a:srgbClr val="808080"/>
              </a:solidFill>
              <a:ln w="12700" cap="rnd">
                <a:solidFill>
                  <a:schemeClr val="bg1"/>
                </a:solidFill>
                <a:round/>
                <a:headEnd/>
                <a:tailEnd/>
              </a:ln>
            </p:spPr>
            <p:txBody>
              <a:bodyPr/>
              <a:lstStyle/>
              <a:p>
                <a:endParaRPr lang="de-CH" dirty="0"/>
              </a:p>
            </p:txBody>
          </p:sp>
          <p:sp>
            <p:nvSpPr>
              <p:cNvPr id="62" name="Freeform 97"/>
              <p:cNvSpPr>
                <a:spLocks/>
              </p:cNvSpPr>
              <p:nvPr/>
            </p:nvSpPr>
            <p:spPr bwMode="auto">
              <a:xfrm>
                <a:off x="3050" y="1936"/>
                <a:ext cx="329" cy="222"/>
              </a:xfrm>
              <a:custGeom>
                <a:avLst/>
                <a:gdLst>
                  <a:gd name="T0" fmla="*/ 2147483647 w 252"/>
                  <a:gd name="T1" fmla="*/ 2147483647 h 169"/>
                  <a:gd name="T2" fmla="*/ 0 w 252"/>
                  <a:gd name="T3" fmla="*/ 2147483647 h 169"/>
                  <a:gd name="T4" fmla="*/ 0 w 252"/>
                  <a:gd name="T5" fmla="*/ 0 h 169"/>
                  <a:gd name="T6" fmla="*/ 2147483647 w 252"/>
                  <a:gd name="T7" fmla="*/ 2147483647 h 169"/>
                  <a:gd name="T8" fmla="*/ 2147483647 w 252"/>
                  <a:gd name="T9" fmla="*/ 2147483647 h 169"/>
                  <a:gd name="T10" fmla="*/ 2147483647 w 252"/>
                  <a:gd name="T11" fmla="*/ 0 h 169"/>
                  <a:gd name="T12" fmla="*/ 2147483647 w 252"/>
                  <a:gd name="T13" fmla="*/ 2147483647 h 169"/>
                  <a:gd name="T14" fmla="*/ 2147483647 w 252"/>
                  <a:gd name="T15" fmla="*/ 2147483647 h 169"/>
                  <a:gd name="T16" fmla="*/ 2147483647 w 252"/>
                  <a:gd name="T17" fmla="*/ 2147483647 h 169"/>
                  <a:gd name="T18" fmla="*/ 2147483647 w 252"/>
                  <a:gd name="T19" fmla="*/ 2147483647 h 169"/>
                  <a:gd name="T20" fmla="*/ 2147483647 w 252"/>
                  <a:gd name="T21" fmla="*/ 2147483647 h 169"/>
                  <a:gd name="T22" fmla="*/ 2147483647 w 252"/>
                  <a:gd name="T23" fmla="*/ 2147483647 h 169"/>
                  <a:gd name="T24" fmla="*/ 2147483647 w 252"/>
                  <a:gd name="T25" fmla="*/ 2147483647 h 169"/>
                  <a:gd name="T26" fmla="*/ 2147483647 w 252"/>
                  <a:gd name="T27" fmla="*/ 2147483647 h 169"/>
                  <a:gd name="T28" fmla="*/ 2147483647 w 252"/>
                  <a:gd name="T29" fmla="*/ 2147483647 h 169"/>
                  <a:gd name="T30" fmla="*/ 2147483647 w 252"/>
                  <a:gd name="T31" fmla="*/ 2147483647 h 169"/>
                  <a:gd name="T32" fmla="*/ 2147483647 w 252"/>
                  <a:gd name="T33" fmla="*/ 2147483647 h 16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252"/>
                  <a:gd name="T52" fmla="*/ 0 h 169"/>
                  <a:gd name="T53" fmla="*/ 252 w 252"/>
                  <a:gd name="T54" fmla="*/ 169 h 169"/>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252" h="169">
                    <a:moveTo>
                      <a:pt x="26" y="136"/>
                    </a:moveTo>
                    <a:lnTo>
                      <a:pt x="0" y="104"/>
                    </a:lnTo>
                    <a:lnTo>
                      <a:pt x="0" y="0"/>
                    </a:lnTo>
                    <a:lnTo>
                      <a:pt x="35" y="8"/>
                    </a:lnTo>
                    <a:lnTo>
                      <a:pt x="69" y="24"/>
                    </a:lnTo>
                    <a:lnTo>
                      <a:pt x="113" y="0"/>
                    </a:lnTo>
                    <a:lnTo>
                      <a:pt x="156" y="32"/>
                    </a:lnTo>
                    <a:lnTo>
                      <a:pt x="173" y="56"/>
                    </a:lnTo>
                    <a:lnTo>
                      <a:pt x="190" y="80"/>
                    </a:lnTo>
                    <a:lnTo>
                      <a:pt x="234" y="48"/>
                    </a:lnTo>
                    <a:lnTo>
                      <a:pt x="251" y="80"/>
                    </a:lnTo>
                    <a:lnTo>
                      <a:pt x="208" y="120"/>
                    </a:lnTo>
                    <a:lnTo>
                      <a:pt x="173" y="168"/>
                    </a:lnTo>
                    <a:lnTo>
                      <a:pt x="113" y="160"/>
                    </a:lnTo>
                    <a:lnTo>
                      <a:pt x="78" y="144"/>
                    </a:lnTo>
                    <a:lnTo>
                      <a:pt x="52" y="136"/>
                    </a:lnTo>
                    <a:lnTo>
                      <a:pt x="26" y="136"/>
                    </a:lnTo>
                  </a:path>
                </a:pathLst>
              </a:custGeom>
              <a:solidFill>
                <a:srgbClr val="808080"/>
              </a:solidFill>
              <a:ln w="12700" cap="rnd">
                <a:solidFill>
                  <a:schemeClr val="bg1"/>
                </a:solidFill>
                <a:round/>
                <a:headEnd/>
                <a:tailEnd/>
              </a:ln>
            </p:spPr>
            <p:txBody>
              <a:bodyPr/>
              <a:lstStyle/>
              <a:p>
                <a:endParaRPr lang="de-CH" dirty="0"/>
              </a:p>
            </p:txBody>
          </p:sp>
          <p:sp>
            <p:nvSpPr>
              <p:cNvPr id="63" name="Freeform 98"/>
              <p:cNvSpPr>
                <a:spLocks/>
              </p:cNvSpPr>
              <p:nvPr/>
            </p:nvSpPr>
            <p:spPr bwMode="auto">
              <a:xfrm>
                <a:off x="2652" y="2346"/>
                <a:ext cx="365" cy="328"/>
              </a:xfrm>
              <a:custGeom>
                <a:avLst/>
                <a:gdLst>
                  <a:gd name="T0" fmla="*/ 2147483647 w 279"/>
                  <a:gd name="T1" fmla="*/ 2147483647 h 249"/>
                  <a:gd name="T2" fmla="*/ 2147483647 w 279"/>
                  <a:gd name="T3" fmla="*/ 2147483647 h 249"/>
                  <a:gd name="T4" fmla="*/ 2147483647 w 279"/>
                  <a:gd name="T5" fmla="*/ 2147483647 h 249"/>
                  <a:gd name="T6" fmla="*/ 2147483647 w 279"/>
                  <a:gd name="T7" fmla="*/ 2147483647 h 249"/>
                  <a:gd name="T8" fmla="*/ 2147483647 w 279"/>
                  <a:gd name="T9" fmla="*/ 2147483647 h 249"/>
                  <a:gd name="T10" fmla="*/ 2147483647 w 279"/>
                  <a:gd name="T11" fmla="*/ 2147483647 h 249"/>
                  <a:gd name="T12" fmla="*/ 2147483647 w 279"/>
                  <a:gd name="T13" fmla="*/ 2147483647 h 249"/>
                  <a:gd name="T14" fmla="*/ 2147483647 w 279"/>
                  <a:gd name="T15" fmla="*/ 2147483647 h 249"/>
                  <a:gd name="T16" fmla="*/ 2147483647 w 279"/>
                  <a:gd name="T17" fmla="*/ 2147483647 h 249"/>
                  <a:gd name="T18" fmla="*/ 2147483647 w 279"/>
                  <a:gd name="T19" fmla="*/ 2147483647 h 249"/>
                  <a:gd name="T20" fmla="*/ 2147483647 w 279"/>
                  <a:gd name="T21" fmla="*/ 2147483647 h 249"/>
                  <a:gd name="T22" fmla="*/ 2147483647 w 279"/>
                  <a:gd name="T23" fmla="*/ 2147483647 h 249"/>
                  <a:gd name="T24" fmla="*/ 2147483647 w 279"/>
                  <a:gd name="T25" fmla="*/ 2147483647 h 249"/>
                  <a:gd name="T26" fmla="*/ 2147483647 w 279"/>
                  <a:gd name="T27" fmla="*/ 2147483647 h 249"/>
                  <a:gd name="T28" fmla="*/ 2147483647 w 279"/>
                  <a:gd name="T29" fmla="*/ 0 h 249"/>
                  <a:gd name="T30" fmla="*/ 2147483647 w 279"/>
                  <a:gd name="T31" fmla="*/ 0 h 249"/>
                  <a:gd name="T32" fmla="*/ 2147483647 w 279"/>
                  <a:gd name="T33" fmla="*/ 2147483647 h 249"/>
                  <a:gd name="T34" fmla="*/ 2147483647 w 279"/>
                  <a:gd name="T35" fmla="*/ 2147483647 h 249"/>
                  <a:gd name="T36" fmla="*/ 2147483647 w 279"/>
                  <a:gd name="T37" fmla="*/ 2147483647 h 249"/>
                  <a:gd name="T38" fmla="*/ 2147483647 w 279"/>
                  <a:gd name="T39" fmla="*/ 2147483647 h 249"/>
                  <a:gd name="T40" fmla="*/ 2147483647 w 279"/>
                  <a:gd name="T41" fmla="*/ 2147483647 h 249"/>
                  <a:gd name="T42" fmla="*/ 2147483647 w 279"/>
                  <a:gd name="T43" fmla="*/ 2147483647 h 249"/>
                  <a:gd name="T44" fmla="*/ 0 w 279"/>
                  <a:gd name="T45" fmla="*/ 2147483647 h 249"/>
                  <a:gd name="T46" fmla="*/ 0 w 279"/>
                  <a:gd name="T47" fmla="*/ 2147483647 h 249"/>
                  <a:gd name="T48" fmla="*/ 2147483647 w 279"/>
                  <a:gd name="T49" fmla="*/ 2147483647 h 249"/>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279"/>
                  <a:gd name="T76" fmla="*/ 0 h 249"/>
                  <a:gd name="T77" fmla="*/ 279 w 279"/>
                  <a:gd name="T78" fmla="*/ 249 h 249"/>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279" h="249">
                    <a:moveTo>
                      <a:pt x="78" y="241"/>
                    </a:moveTo>
                    <a:lnTo>
                      <a:pt x="96" y="233"/>
                    </a:lnTo>
                    <a:lnTo>
                      <a:pt x="156" y="219"/>
                    </a:lnTo>
                    <a:lnTo>
                      <a:pt x="182" y="248"/>
                    </a:lnTo>
                    <a:lnTo>
                      <a:pt x="217" y="241"/>
                    </a:lnTo>
                    <a:lnTo>
                      <a:pt x="278" y="212"/>
                    </a:lnTo>
                    <a:lnTo>
                      <a:pt x="278" y="190"/>
                    </a:lnTo>
                    <a:lnTo>
                      <a:pt x="226" y="168"/>
                    </a:lnTo>
                    <a:lnTo>
                      <a:pt x="235" y="131"/>
                    </a:lnTo>
                    <a:lnTo>
                      <a:pt x="243" y="66"/>
                    </a:lnTo>
                    <a:lnTo>
                      <a:pt x="235" y="51"/>
                    </a:lnTo>
                    <a:lnTo>
                      <a:pt x="182" y="44"/>
                    </a:lnTo>
                    <a:lnTo>
                      <a:pt x="200" y="22"/>
                    </a:lnTo>
                    <a:lnTo>
                      <a:pt x="182" y="7"/>
                    </a:lnTo>
                    <a:lnTo>
                      <a:pt x="130" y="0"/>
                    </a:lnTo>
                    <a:lnTo>
                      <a:pt x="113" y="0"/>
                    </a:lnTo>
                    <a:lnTo>
                      <a:pt x="78" y="7"/>
                    </a:lnTo>
                    <a:lnTo>
                      <a:pt x="87" y="22"/>
                    </a:lnTo>
                    <a:lnTo>
                      <a:pt x="52" y="66"/>
                    </a:lnTo>
                    <a:lnTo>
                      <a:pt x="43" y="66"/>
                    </a:lnTo>
                    <a:lnTo>
                      <a:pt x="35" y="51"/>
                    </a:lnTo>
                    <a:lnTo>
                      <a:pt x="9" y="58"/>
                    </a:lnTo>
                    <a:lnTo>
                      <a:pt x="0" y="109"/>
                    </a:lnTo>
                    <a:lnTo>
                      <a:pt x="0" y="212"/>
                    </a:lnTo>
                    <a:lnTo>
                      <a:pt x="78" y="241"/>
                    </a:lnTo>
                  </a:path>
                </a:pathLst>
              </a:custGeom>
              <a:solidFill>
                <a:srgbClr val="808080"/>
              </a:solidFill>
              <a:ln w="12700" cap="rnd">
                <a:solidFill>
                  <a:schemeClr val="bg1"/>
                </a:solidFill>
                <a:round/>
                <a:headEnd/>
                <a:tailEnd/>
              </a:ln>
            </p:spPr>
            <p:txBody>
              <a:bodyPr/>
              <a:lstStyle/>
              <a:p>
                <a:endParaRPr lang="de-CH" dirty="0"/>
              </a:p>
            </p:txBody>
          </p:sp>
          <p:sp>
            <p:nvSpPr>
              <p:cNvPr id="64" name="Freeform 99"/>
              <p:cNvSpPr>
                <a:spLocks/>
              </p:cNvSpPr>
              <p:nvPr/>
            </p:nvSpPr>
            <p:spPr bwMode="auto">
              <a:xfrm>
                <a:off x="2822" y="2188"/>
                <a:ext cx="433" cy="475"/>
              </a:xfrm>
              <a:custGeom>
                <a:avLst/>
                <a:gdLst>
                  <a:gd name="T0" fmla="*/ 2147483647 w 331"/>
                  <a:gd name="T1" fmla="*/ 0 h 361"/>
                  <a:gd name="T2" fmla="*/ 2147483647 w 331"/>
                  <a:gd name="T3" fmla="*/ 2147483647 h 361"/>
                  <a:gd name="T4" fmla="*/ 2147483647 w 331"/>
                  <a:gd name="T5" fmla="*/ 2147483647 h 361"/>
                  <a:gd name="T6" fmla="*/ 2147483647 w 331"/>
                  <a:gd name="T7" fmla="*/ 2147483647 h 361"/>
                  <a:gd name="T8" fmla="*/ 2147483647 w 331"/>
                  <a:gd name="T9" fmla="*/ 2147483647 h 361"/>
                  <a:gd name="T10" fmla="*/ 2147483647 w 331"/>
                  <a:gd name="T11" fmla="*/ 2147483647 h 361"/>
                  <a:gd name="T12" fmla="*/ 2147483647 w 331"/>
                  <a:gd name="T13" fmla="*/ 2147483647 h 361"/>
                  <a:gd name="T14" fmla="*/ 2147483647 w 331"/>
                  <a:gd name="T15" fmla="*/ 2147483647 h 361"/>
                  <a:gd name="T16" fmla="*/ 2147483647 w 331"/>
                  <a:gd name="T17" fmla="*/ 2147483647 h 361"/>
                  <a:gd name="T18" fmla="*/ 2147483647 w 331"/>
                  <a:gd name="T19" fmla="*/ 2147483647 h 361"/>
                  <a:gd name="T20" fmla="*/ 2147483647 w 331"/>
                  <a:gd name="T21" fmla="*/ 2147483647 h 361"/>
                  <a:gd name="T22" fmla="*/ 2147483647 w 331"/>
                  <a:gd name="T23" fmla="*/ 2147483647 h 361"/>
                  <a:gd name="T24" fmla="*/ 2147483647 w 331"/>
                  <a:gd name="T25" fmla="*/ 2147483647 h 361"/>
                  <a:gd name="T26" fmla="*/ 2147483647 w 331"/>
                  <a:gd name="T27" fmla="*/ 2147483647 h 361"/>
                  <a:gd name="T28" fmla="*/ 2147483647 w 331"/>
                  <a:gd name="T29" fmla="*/ 2147483647 h 361"/>
                  <a:gd name="T30" fmla="*/ 2147483647 w 331"/>
                  <a:gd name="T31" fmla="*/ 2147483647 h 361"/>
                  <a:gd name="T32" fmla="*/ 2147483647 w 331"/>
                  <a:gd name="T33" fmla="*/ 2147483647 h 361"/>
                  <a:gd name="T34" fmla="*/ 2147483647 w 331"/>
                  <a:gd name="T35" fmla="*/ 2147483647 h 361"/>
                  <a:gd name="T36" fmla="*/ 2147483647 w 331"/>
                  <a:gd name="T37" fmla="*/ 2147483647 h 361"/>
                  <a:gd name="T38" fmla="*/ 2147483647 w 331"/>
                  <a:gd name="T39" fmla="*/ 2147483647 h 361"/>
                  <a:gd name="T40" fmla="*/ 2147483647 w 331"/>
                  <a:gd name="T41" fmla="*/ 2147483647 h 361"/>
                  <a:gd name="T42" fmla="*/ 2147483647 w 331"/>
                  <a:gd name="T43" fmla="*/ 2147483647 h 361"/>
                  <a:gd name="T44" fmla="*/ 2147483647 w 331"/>
                  <a:gd name="T45" fmla="*/ 2147483647 h 361"/>
                  <a:gd name="T46" fmla="*/ 2147483647 w 331"/>
                  <a:gd name="T47" fmla="*/ 2147483647 h 361"/>
                  <a:gd name="T48" fmla="*/ 2147483647 w 331"/>
                  <a:gd name="T49" fmla="*/ 2147483647 h 361"/>
                  <a:gd name="T50" fmla="*/ 2147483647 w 331"/>
                  <a:gd name="T51" fmla="*/ 2147483647 h 361"/>
                  <a:gd name="T52" fmla="*/ 0 w 331"/>
                  <a:gd name="T53" fmla="*/ 2147483647 h 361"/>
                  <a:gd name="T54" fmla="*/ 2147483647 w 331"/>
                  <a:gd name="T55" fmla="*/ 2147483647 h 361"/>
                  <a:gd name="T56" fmla="*/ 2147483647 w 331"/>
                  <a:gd name="T57" fmla="*/ 2147483647 h 361"/>
                  <a:gd name="T58" fmla="*/ 2147483647 w 331"/>
                  <a:gd name="T59" fmla="*/ 2147483647 h 361"/>
                  <a:gd name="T60" fmla="*/ 2147483647 w 331"/>
                  <a:gd name="T61" fmla="*/ 0 h 361"/>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w 331"/>
                  <a:gd name="T94" fmla="*/ 0 h 361"/>
                  <a:gd name="T95" fmla="*/ 331 w 331"/>
                  <a:gd name="T96" fmla="*/ 361 h 361"/>
                </a:gdLst>
                <a:ahLst/>
                <a:cxnLst>
                  <a:cxn ang="T62">
                    <a:pos x="T0" y="T1"/>
                  </a:cxn>
                  <a:cxn ang="T63">
                    <a:pos x="T2" y="T3"/>
                  </a:cxn>
                  <a:cxn ang="T64">
                    <a:pos x="T4" y="T5"/>
                  </a:cxn>
                  <a:cxn ang="T65">
                    <a:pos x="T6" y="T7"/>
                  </a:cxn>
                  <a:cxn ang="T66">
                    <a:pos x="T8" y="T9"/>
                  </a:cxn>
                  <a:cxn ang="T67">
                    <a:pos x="T10" y="T11"/>
                  </a:cxn>
                  <a:cxn ang="T68">
                    <a:pos x="T12" y="T13"/>
                  </a:cxn>
                  <a:cxn ang="T69">
                    <a:pos x="T14" y="T15"/>
                  </a:cxn>
                  <a:cxn ang="T70">
                    <a:pos x="T16" y="T17"/>
                  </a:cxn>
                  <a:cxn ang="T71">
                    <a:pos x="T18" y="T19"/>
                  </a:cxn>
                  <a:cxn ang="T72">
                    <a:pos x="T20" y="T21"/>
                  </a:cxn>
                  <a:cxn ang="T73">
                    <a:pos x="T22" y="T23"/>
                  </a:cxn>
                  <a:cxn ang="T74">
                    <a:pos x="T24" y="T25"/>
                  </a:cxn>
                  <a:cxn ang="T75">
                    <a:pos x="T26" y="T27"/>
                  </a:cxn>
                  <a:cxn ang="T76">
                    <a:pos x="T28" y="T29"/>
                  </a:cxn>
                  <a:cxn ang="T77">
                    <a:pos x="T30" y="T31"/>
                  </a:cxn>
                  <a:cxn ang="T78">
                    <a:pos x="T32" y="T33"/>
                  </a:cxn>
                  <a:cxn ang="T79">
                    <a:pos x="T34" y="T35"/>
                  </a:cxn>
                  <a:cxn ang="T80">
                    <a:pos x="T36" y="T37"/>
                  </a:cxn>
                  <a:cxn ang="T81">
                    <a:pos x="T38" y="T39"/>
                  </a:cxn>
                  <a:cxn ang="T82">
                    <a:pos x="T40" y="T41"/>
                  </a:cxn>
                  <a:cxn ang="T83">
                    <a:pos x="T42" y="T43"/>
                  </a:cxn>
                  <a:cxn ang="T84">
                    <a:pos x="T44" y="T45"/>
                  </a:cxn>
                  <a:cxn ang="T85">
                    <a:pos x="T46" y="T47"/>
                  </a:cxn>
                  <a:cxn ang="T86">
                    <a:pos x="T48" y="T49"/>
                  </a:cxn>
                  <a:cxn ang="T87">
                    <a:pos x="T50" y="T51"/>
                  </a:cxn>
                  <a:cxn ang="T88">
                    <a:pos x="T52" y="T53"/>
                  </a:cxn>
                  <a:cxn ang="T89">
                    <a:pos x="T54" y="T55"/>
                  </a:cxn>
                  <a:cxn ang="T90">
                    <a:pos x="T56" y="T57"/>
                  </a:cxn>
                  <a:cxn ang="T91">
                    <a:pos x="T58" y="T59"/>
                  </a:cxn>
                  <a:cxn ang="T92">
                    <a:pos x="T60" y="T61"/>
                  </a:cxn>
                </a:cxnLst>
                <a:rect l="T93" t="T94" r="T95" b="T96"/>
                <a:pathLst>
                  <a:path w="331" h="361">
                    <a:moveTo>
                      <a:pt x="165" y="0"/>
                    </a:moveTo>
                    <a:lnTo>
                      <a:pt x="226" y="16"/>
                    </a:lnTo>
                    <a:lnTo>
                      <a:pt x="252" y="32"/>
                    </a:lnTo>
                    <a:lnTo>
                      <a:pt x="243" y="72"/>
                    </a:lnTo>
                    <a:lnTo>
                      <a:pt x="243" y="96"/>
                    </a:lnTo>
                    <a:lnTo>
                      <a:pt x="330" y="104"/>
                    </a:lnTo>
                    <a:lnTo>
                      <a:pt x="304" y="144"/>
                    </a:lnTo>
                    <a:lnTo>
                      <a:pt x="252" y="200"/>
                    </a:lnTo>
                    <a:lnTo>
                      <a:pt x="217" y="240"/>
                    </a:lnTo>
                    <a:lnTo>
                      <a:pt x="243" y="248"/>
                    </a:lnTo>
                    <a:lnTo>
                      <a:pt x="269" y="264"/>
                    </a:lnTo>
                    <a:lnTo>
                      <a:pt x="252" y="280"/>
                    </a:lnTo>
                    <a:lnTo>
                      <a:pt x="208" y="288"/>
                    </a:lnTo>
                    <a:lnTo>
                      <a:pt x="191" y="272"/>
                    </a:lnTo>
                    <a:lnTo>
                      <a:pt x="156" y="296"/>
                    </a:lnTo>
                    <a:lnTo>
                      <a:pt x="191" y="336"/>
                    </a:lnTo>
                    <a:lnTo>
                      <a:pt x="182" y="360"/>
                    </a:lnTo>
                    <a:lnTo>
                      <a:pt x="148" y="352"/>
                    </a:lnTo>
                    <a:lnTo>
                      <a:pt x="148" y="328"/>
                    </a:lnTo>
                    <a:lnTo>
                      <a:pt x="96" y="304"/>
                    </a:lnTo>
                    <a:lnTo>
                      <a:pt x="104" y="264"/>
                    </a:lnTo>
                    <a:lnTo>
                      <a:pt x="113" y="192"/>
                    </a:lnTo>
                    <a:lnTo>
                      <a:pt x="104" y="176"/>
                    </a:lnTo>
                    <a:lnTo>
                      <a:pt x="52" y="168"/>
                    </a:lnTo>
                    <a:lnTo>
                      <a:pt x="69" y="144"/>
                    </a:lnTo>
                    <a:lnTo>
                      <a:pt x="52" y="128"/>
                    </a:lnTo>
                    <a:lnTo>
                      <a:pt x="0" y="120"/>
                    </a:lnTo>
                    <a:lnTo>
                      <a:pt x="9" y="96"/>
                    </a:lnTo>
                    <a:lnTo>
                      <a:pt x="78" y="88"/>
                    </a:lnTo>
                    <a:lnTo>
                      <a:pt x="139" y="24"/>
                    </a:lnTo>
                    <a:lnTo>
                      <a:pt x="165" y="0"/>
                    </a:lnTo>
                  </a:path>
                </a:pathLst>
              </a:custGeom>
              <a:solidFill>
                <a:srgbClr val="808080"/>
              </a:solidFill>
              <a:ln w="12700" cap="rnd">
                <a:solidFill>
                  <a:schemeClr val="bg1"/>
                </a:solidFill>
                <a:round/>
                <a:headEnd/>
                <a:tailEnd/>
              </a:ln>
            </p:spPr>
            <p:txBody>
              <a:bodyPr/>
              <a:lstStyle/>
              <a:p>
                <a:endParaRPr lang="de-CH" dirty="0"/>
              </a:p>
            </p:txBody>
          </p:sp>
          <p:sp>
            <p:nvSpPr>
              <p:cNvPr id="65" name="Freeform 100"/>
              <p:cNvSpPr>
                <a:spLocks/>
              </p:cNvSpPr>
              <p:nvPr/>
            </p:nvSpPr>
            <p:spPr bwMode="auto">
              <a:xfrm>
                <a:off x="793" y="2041"/>
                <a:ext cx="762" cy="496"/>
              </a:xfrm>
              <a:custGeom>
                <a:avLst/>
                <a:gdLst>
                  <a:gd name="T0" fmla="*/ 2147483647 w 582"/>
                  <a:gd name="T1" fmla="*/ 2147483647 h 377"/>
                  <a:gd name="T2" fmla="*/ 2147483647 w 582"/>
                  <a:gd name="T3" fmla="*/ 2147483647 h 377"/>
                  <a:gd name="T4" fmla="*/ 2147483647 w 582"/>
                  <a:gd name="T5" fmla="*/ 2147483647 h 377"/>
                  <a:gd name="T6" fmla="*/ 2147483647 w 582"/>
                  <a:gd name="T7" fmla="*/ 2147483647 h 377"/>
                  <a:gd name="T8" fmla="*/ 2147483647 w 582"/>
                  <a:gd name="T9" fmla="*/ 2147483647 h 377"/>
                  <a:gd name="T10" fmla="*/ 2147483647 w 582"/>
                  <a:gd name="T11" fmla="*/ 2147483647 h 377"/>
                  <a:gd name="T12" fmla="*/ 2147483647 w 582"/>
                  <a:gd name="T13" fmla="*/ 2147483647 h 377"/>
                  <a:gd name="T14" fmla="*/ 0 w 582"/>
                  <a:gd name="T15" fmla="*/ 2147483647 h 377"/>
                  <a:gd name="T16" fmla="*/ 2147483647 w 582"/>
                  <a:gd name="T17" fmla="*/ 2147483647 h 377"/>
                  <a:gd name="T18" fmla="*/ 2147483647 w 582"/>
                  <a:gd name="T19" fmla="*/ 2147483647 h 377"/>
                  <a:gd name="T20" fmla="*/ 2147483647 w 582"/>
                  <a:gd name="T21" fmla="*/ 2147483647 h 377"/>
                  <a:gd name="T22" fmla="*/ 2147483647 w 582"/>
                  <a:gd name="T23" fmla="*/ 2147483647 h 377"/>
                  <a:gd name="T24" fmla="*/ 2147483647 w 582"/>
                  <a:gd name="T25" fmla="*/ 2147483647 h 377"/>
                  <a:gd name="T26" fmla="*/ 2147483647 w 582"/>
                  <a:gd name="T27" fmla="*/ 0 h 377"/>
                  <a:gd name="T28" fmla="*/ 2147483647 w 582"/>
                  <a:gd name="T29" fmla="*/ 2147483647 h 377"/>
                  <a:gd name="T30" fmla="*/ 2147483647 w 582"/>
                  <a:gd name="T31" fmla="*/ 2147483647 h 377"/>
                  <a:gd name="T32" fmla="*/ 2147483647 w 582"/>
                  <a:gd name="T33" fmla="*/ 2147483647 h 377"/>
                  <a:gd name="T34" fmla="*/ 2147483647 w 582"/>
                  <a:gd name="T35" fmla="*/ 2147483647 h 377"/>
                  <a:gd name="T36" fmla="*/ 2147483647 w 582"/>
                  <a:gd name="T37" fmla="*/ 2147483647 h 377"/>
                  <a:gd name="T38" fmla="*/ 2147483647 w 582"/>
                  <a:gd name="T39" fmla="*/ 2147483647 h 377"/>
                  <a:gd name="T40" fmla="*/ 2147483647 w 582"/>
                  <a:gd name="T41" fmla="*/ 2147483647 h 377"/>
                  <a:gd name="T42" fmla="*/ 2147483647 w 582"/>
                  <a:gd name="T43" fmla="*/ 2147483647 h 377"/>
                  <a:gd name="T44" fmla="*/ 2147483647 w 582"/>
                  <a:gd name="T45" fmla="*/ 2147483647 h 377"/>
                  <a:gd name="T46" fmla="*/ 2147483647 w 582"/>
                  <a:gd name="T47" fmla="*/ 2147483647 h 377"/>
                  <a:gd name="T48" fmla="*/ 2147483647 w 582"/>
                  <a:gd name="T49" fmla="*/ 2147483647 h 377"/>
                  <a:gd name="T50" fmla="*/ 2147483647 w 582"/>
                  <a:gd name="T51" fmla="*/ 2147483647 h 377"/>
                  <a:gd name="T52" fmla="*/ 2147483647 w 582"/>
                  <a:gd name="T53" fmla="*/ 2147483647 h 377"/>
                  <a:gd name="T54" fmla="*/ 2147483647 w 582"/>
                  <a:gd name="T55" fmla="*/ 2147483647 h 377"/>
                  <a:gd name="T56" fmla="*/ 2147483647 w 582"/>
                  <a:gd name="T57" fmla="*/ 2147483647 h 377"/>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w 582"/>
                  <a:gd name="T88" fmla="*/ 0 h 377"/>
                  <a:gd name="T89" fmla="*/ 582 w 582"/>
                  <a:gd name="T90" fmla="*/ 377 h 377"/>
                </a:gdLst>
                <a:ahLst/>
                <a:cxnLst>
                  <a:cxn ang="T58">
                    <a:pos x="T0" y="T1"/>
                  </a:cxn>
                  <a:cxn ang="T59">
                    <a:pos x="T2" y="T3"/>
                  </a:cxn>
                  <a:cxn ang="T60">
                    <a:pos x="T4" y="T5"/>
                  </a:cxn>
                  <a:cxn ang="T61">
                    <a:pos x="T6" y="T7"/>
                  </a:cxn>
                  <a:cxn ang="T62">
                    <a:pos x="T8" y="T9"/>
                  </a:cxn>
                  <a:cxn ang="T63">
                    <a:pos x="T10" y="T11"/>
                  </a:cxn>
                  <a:cxn ang="T64">
                    <a:pos x="T12" y="T13"/>
                  </a:cxn>
                  <a:cxn ang="T65">
                    <a:pos x="T14" y="T15"/>
                  </a:cxn>
                  <a:cxn ang="T66">
                    <a:pos x="T16" y="T17"/>
                  </a:cxn>
                  <a:cxn ang="T67">
                    <a:pos x="T18" y="T19"/>
                  </a:cxn>
                  <a:cxn ang="T68">
                    <a:pos x="T20" y="T21"/>
                  </a:cxn>
                  <a:cxn ang="T69">
                    <a:pos x="T22" y="T23"/>
                  </a:cxn>
                  <a:cxn ang="T70">
                    <a:pos x="T24" y="T25"/>
                  </a:cxn>
                  <a:cxn ang="T71">
                    <a:pos x="T26" y="T27"/>
                  </a:cxn>
                  <a:cxn ang="T72">
                    <a:pos x="T28" y="T29"/>
                  </a:cxn>
                  <a:cxn ang="T73">
                    <a:pos x="T30" y="T31"/>
                  </a:cxn>
                  <a:cxn ang="T74">
                    <a:pos x="T32" y="T33"/>
                  </a:cxn>
                  <a:cxn ang="T75">
                    <a:pos x="T34" y="T35"/>
                  </a:cxn>
                  <a:cxn ang="T76">
                    <a:pos x="T36" y="T37"/>
                  </a:cxn>
                  <a:cxn ang="T77">
                    <a:pos x="T38" y="T39"/>
                  </a:cxn>
                  <a:cxn ang="T78">
                    <a:pos x="T40" y="T41"/>
                  </a:cxn>
                  <a:cxn ang="T79">
                    <a:pos x="T42" y="T43"/>
                  </a:cxn>
                  <a:cxn ang="T80">
                    <a:pos x="T44" y="T45"/>
                  </a:cxn>
                  <a:cxn ang="T81">
                    <a:pos x="T46" y="T47"/>
                  </a:cxn>
                  <a:cxn ang="T82">
                    <a:pos x="T48" y="T49"/>
                  </a:cxn>
                  <a:cxn ang="T83">
                    <a:pos x="T50" y="T51"/>
                  </a:cxn>
                  <a:cxn ang="T84">
                    <a:pos x="T52" y="T53"/>
                  </a:cxn>
                  <a:cxn ang="T85">
                    <a:pos x="T54" y="T55"/>
                  </a:cxn>
                  <a:cxn ang="T86">
                    <a:pos x="T56" y="T57"/>
                  </a:cxn>
                </a:cxnLst>
                <a:rect l="T87" t="T88" r="T89" b="T90"/>
                <a:pathLst>
                  <a:path w="582" h="377">
                    <a:moveTo>
                      <a:pt x="260" y="320"/>
                    </a:moveTo>
                    <a:lnTo>
                      <a:pt x="243" y="296"/>
                    </a:lnTo>
                    <a:lnTo>
                      <a:pt x="225" y="296"/>
                    </a:lnTo>
                    <a:lnTo>
                      <a:pt x="147" y="336"/>
                    </a:lnTo>
                    <a:lnTo>
                      <a:pt x="17" y="368"/>
                    </a:lnTo>
                    <a:lnTo>
                      <a:pt x="35" y="344"/>
                    </a:lnTo>
                    <a:lnTo>
                      <a:pt x="26" y="304"/>
                    </a:lnTo>
                    <a:lnTo>
                      <a:pt x="0" y="280"/>
                    </a:lnTo>
                    <a:lnTo>
                      <a:pt x="52" y="240"/>
                    </a:lnTo>
                    <a:lnTo>
                      <a:pt x="182" y="208"/>
                    </a:lnTo>
                    <a:lnTo>
                      <a:pt x="260" y="136"/>
                    </a:lnTo>
                    <a:lnTo>
                      <a:pt x="234" y="120"/>
                    </a:lnTo>
                    <a:lnTo>
                      <a:pt x="321" y="48"/>
                    </a:lnTo>
                    <a:lnTo>
                      <a:pt x="382" y="0"/>
                    </a:lnTo>
                    <a:lnTo>
                      <a:pt x="425" y="40"/>
                    </a:lnTo>
                    <a:lnTo>
                      <a:pt x="382" y="80"/>
                    </a:lnTo>
                    <a:lnTo>
                      <a:pt x="390" y="112"/>
                    </a:lnTo>
                    <a:lnTo>
                      <a:pt x="451" y="88"/>
                    </a:lnTo>
                    <a:lnTo>
                      <a:pt x="529" y="48"/>
                    </a:lnTo>
                    <a:lnTo>
                      <a:pt x="546" y="80"/>
                    </a:lnTo>
                    <a:lnTo>
                      <a:pt x="555" y="104"/>
                    </a:lnTo>
                    <a:lnTo>
                      <a:pt x="581" y="144"/>
                    </a:lnTo>
                    <a:lnTo>
                      <a:pt x="564" y="160"/>
                    </a:lnTo>
                    <a:lnTo>
                      <a:pt x="546" y="176"/>
                    </a:lnTo>
                    <a:lnTo>
                      <a:pt x="538" y="192"/>
                    </a:lnTo>
                    <a:lnTo>
                      <a:pt x="277" y="376"/>
                    </a:lnTo>
                    <a:lnTo>
                      <a:pt x="269" y="368"/>
                    </a:lnTo>
                    <a:lnTo>
                      <a:pt x="269" y="352"/>
                    </a:lnTo>
                    <a:lnTo>
                      <a:pt x="260" y="320"/>
                    </a:lnTo>
                  </a:path>
                </a:pathLst>
              </a:custGeom>
              <a:solidFill>
                <a:srgbClr val="CBCBCB"/>
              </a:solidFill>
              <a:ln w="12700">
                <a:solidFill>
                  <a:schemeClr val="bg1"/>
                </a:solidFill>
                <a:round/>
                <a:headEnd/>
                <a:tailEnd/>
              </a:ln>
            </p:spPr>
            <p:txBody>
              <a:bodyPr/>
              <a:lstStyle/>
              <a:p>
                <a:endParaRPr lang="de-CH" dirty="0"/>
              </a:p>
            </p:txBody>
          </p:sp>
          <p:sp>
            <p:nvSpPr>
              <p:cNvPr id="66" name="Freeform 101"/>
              <p:cNvSpPr>
                <a:spLocks/>
              </p:cNvSpPr>
              <p:nvPr/>
            </p:nvSpPr>
            <p:spPr bwMode="auto">
              <a:xfrm>
                <a:off x="2414" y="1841"/>
                <a:ext cx="671" cy="822"/>
              </a:xfrm>
              <a:custGeom>
                <a:avLst/>
                <a:gdLst>
                  <a:gd name="T0" fmla="*/ 2147483647 w 513"/>
                  <a:gd name="T1" fmla="*/ 2147483647 h 625"/>
                  <a:gd name="T2" fmla="*/ 2147483647 w 513"/>
                  <a:gd name="T3" fmla="*/ 2147483647 h 625"/>
                  <a:gd name="T4" fmla="*/ 2147483647 w 513"/>
                  <a:gd name="T5" fmla="*/ 2147483647 h 625"/>
                  <a:gd name="T6" fmla="*/ 2147483647 w 513"/>
                  <a:gd name="T7" fmla="*/ 2147483647 h 625"/>
                  <a:gd name="T8" fmla="*/ 2147483647 w 513"/>
                  <a:gd name="T9" fmla="*/ 2147483647 h 625"/>
                  <a:gd name="T10" fmla="*/ 2147483647 w 513"/>
                  <a:gd name="T11" fmla="*/ 2147483647 h 625"/>
                  <a:gd name="T12" fmla="*/ 2147483647 w 513"/>
                  <a:gd name="T13" fmla="*/ 2147483647 h 625"/>
                  <a:gd name="T14" fmla="*/ 2147483647 w 513"/>
                  <a:gd name="T15" fmla="*/ 2147483647 h 625"/>
                  <a:gd name="T16" fmla="*/ 2147483647 w 513"/>
                  <a:gd name="T17" fmla="*/ 2147483647 h 625"/>
                  <a:gd name="T18" fmla="*/ 2147483647 w 513"/>
                  <a:gd name="T19" fmla="*/ 2147483647 h 625"/>
                  <a:gd name="T20" fmla="*/ 2147483647 w 513"/>
                  <a:gd name="T21" fmla="*/ 2147483647 h 625"/>
                  <a:gd name="T22" fmla="*/ 2147483647 w 513"/>
                  <a:gd name="T23" fmla="*/ 2147483647 h 625"/>
                  <a:gd name="T24" fmla="*/ 2147483647 w 513"/>
                  <a:gd name="T25" fmla="*/ 2147483647 h 625"/>
                  <a:gd name="T26" fmla="*/ 0 w 513"/>
                  <a:gd name="T27" fmla="*/ 2147483647 h 625"/>
                  <a:gd name="T28" fmla="*/ 2147483647 w 513"/>
                  <a:gd name="T29" fmla="*/ 2147483647 h 625"/>
                  <a:gd name="T30" fmla="*/ 2147483647 w 513"/>
                  <a:gd name="T31" fmla="*/ 2147483647 h 625"/>
                  <a:gd name="T32" fmla="*/ 2147483647 w 513"/>
                  <a:gd name="T33" fmla="*/ 2147483647 h 625"/>
                  <a:gd name="T34" fmla="*/ 2147483647 w 513"/>
                  <a:gd name="T35" fmla="*/ 2147483647 h 625"/>
                  <a:gd name="T36" fmla="*/ 2147483647 w 513"/>
                  <a:gd name="T37" fmla="*/ 2147483647 h 625"/>
                  <a:gd name="T38" fmla="*/ 2147483647 w 513"/>
                  <a:gd name="T39" fmla="*/ 2147483647 h 625"/>
                  <a:gd name="T40" fmla="*/ 2147483647 w 513"/>
                  <a:gd name="T41" fmla="*/ 2147483647 h 625"/>
                  <a:gd name="T42" fmla="*/ 0 w 513"/>
                  <a:gd name="T43" fmla="*/ 2147483647 h 625"/>
                  <a:gd name="T44" fmla="*/ 0 w 513"/>
                  <a:gd name="T45" fmla="*/ 2147483647 h 625"/>
                  <a:gd name="T46" fmla="*/ 2147483647 w 513"/>
                  <a:gd name="T47" fmla="*/ 2147483647 h 625"/>
                  <a:gd name="T48" fmla="*/ 2147483647 w 513"/>
                  <a:gd name="T49" fmla="*/ 2147483647 h 625"/>
                  <a:gd name="T50" fmla="*/ 2147483647 w 513"/>
                  <a:gd name="T51" fmla="*/ 2147483647 h 625"/>
                  <a:gd name="T52" fmla="*/ 2147483647 w 513"/>
                  <a:gd name="T53" fmla="*/ 2147483647 h 625"/>
                  <a:gd name="T54" fmla="*/ 2147483647 w 513"/>
                  <a:gd name="T55" fmla="*/ 2147483647 h 625"/>
                  <a:gd name="T56" fmla="*/ 2147483647 w 513"/>
                  <a:gd name="T57" fmla="*/ 0 h 625"/>
                  <a:gd name="T58" fmla="*/ 2147483647 w 513"/>
                  <a:gd name="T59" fmla="*/ 2147483647 h 625"/>
                  <a:gd name="T60" fmla="*/ 2147483647 w 513"/>
                  <a:gd name="T61" fmla="*/ 2147483647 h 625"/>
                  <a:gd name="T62" fmla="*/ 2147483647 w 513"/>
                  <a:gd name="T63" fmla="*/ 2147483647 h 625"/>
                  <a:gd name="T64" fmla="*/ 2147483647 w 513"/>
                  <a:gd name="T65" fmla="*/ 2147483647 h 625"/>
                  <a:gd name="T66" fmla="*/ 2147483647 w 513"/>
                  <a:gd name="T67" fmla="*/ 2147483647 h 625"/>
                  <a:gd name="T68" fmla="*/ 2147483647 w 513"/>
                  <a:gd name="T69" fmla="*/ 2147483647 h 625"/>
                  <a:gd name="T70" fmla="*/ 2147483647 w 513"/>
                  <a:gd name="T71" fmla="*/ 2147483647 h 625"/>
                  <a:gd name="T72" fmla="*/ 2147483647 w 513"/>
                  <a:gd name="T73" fmla="*/ 2147483647 h 625"/>
                  <a:gd name="T74" fmla="*/ 2147483647 w 513"/>
                  <a:gd name="T75" fmla="*/ 2147483647 h 625"/>
                  <a:gd name="T76" fmla="*/ 2147483647 w 513"/>
                  <a:gd name="T77" fmla="*/ 0 h 625"/>
                  <a:gd name="T78" fmla="*/ 2147483647 w 513"/>
                  <a:gd name="T79" fmla="*/ 2147483647 h 625"/>
                  <a:gd name="T80" fmla="*/ 2147483647 w 513"/>
                  <a:gd name="T81" fmla="*/ 2147483647 h 625"/>
                  <a:gd name="T82" fmla="*/ 2147483647 w 513"/>
                  <a:gd name="T83" fmla="*/ 2147483647 h 625"/>
                  <a:gd name="T84" fmla="*/ 2147483647 w 513"/>
                  <a:gd name="T85" fmla="*/ 2147483647 h 625"/>
                  <a:gd name="T86" fmla="*/ 2147483647 w 513"/>
                  <a:gd name="T87" fmla="*/ 2147483647 h 625"/>
                  <a:gd name="T88" fmla="*/ 2147483647 w 513"/>
                  <a:gd name="T89" fmla="*/ 2147483647 h 625"/>
                  <a:gd name="T90" fmla="*/ 2147483647 w 513"/>
                  <a:gd name="T91" fmla="*/ 2147483647 h 625"/>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513"/>
                  <a:gd name="T139" fmla="*/ 0 h 625"/>
                  <a:gd name="T140" fmla="*/ 513 w 513"/>
                  <a:gd name="T141" fmla="*/ 625 h 625"/>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513" h="625">
                    <a:moveTo>
                      <a:pt x="321" y="360"/>
                    </a:moveTo>
                    <a:lnTo>
                      <a:pt x="312" y="384"/>
                    </a:lnTo>
                    <a:lnTo>
                      <a:pt x="295" y="384"/>
                    </a:lnTo>
                    <a:lnTo>
                      <a:pt x="260" y="392"/>
                    </a:lnTo>
                    <a:lnTo>
                      <a:pt x="269" y="408"/>
                    </a:lnTo>
                    <a:lnTo>
                      <a:pt x="234" y="456"/>
                    </a:lnTo>
                    <a:lnTo>
                      <a:pt x="226" y="456"/>
                    </a:lnTo>
                    <a:lnTo>
                      <a:pt x="217" y="440"/>
                    </a:lnTo>
                    <a:lnTo>
                      <a:pt x="191" y="448"/>
                    </a:lnTo>
                    <a:lnTo>
                      <a:pt x="182" y="504"/>
                    </a:lnTo>
                    <a:lnTo>
                      <a:pt x="182" y="616"/>
                    </a:lnTo>
                    <a:lnTo>
                      <a:pt x="104" y="624"/>
                    </a:lnTo>
                    <a:lnTo>
                      <a:pt x="35" y="560"/>
                    </a:lnTo>
                    <a:lnTo>
                      <a:pt x="0" y="496"/>
                    </a:lnTo>
                    <a:lnTo>
                      <a:pt x="17" y="448"/>
                    </a:lnTo>
                    <a:lnTo>
                      <a:pt x="52" y="440"/>
                    </a:lnTo>
                    <a:lnTo>
                      <a:pt x="87" y="368"/>
                    </a:lnTo>
                    <a:lnTo>
                      <a:pt x="52" y="360"/>
                    </a:lnTo>
                    <a:lnTo>
                      <a:pt x="9" y="296"/>
                    </a:lnTo>
                    <a:lnTo>
                      <a:pt x="35" y="240"/>
                    </a:lnTo>
                    <a:lnTo>
                      <a:pt x="43" y="192"/>
                    </a:lnTo>
                    <a:lnTo>
                      <a:pt x="0" y="128"/>
                    </a:lnTo>
                    <a:lnTo>
                      <a:pt x="0" y="104"/>
                    </a:lnTo>
                    <a:lnTo>
                      <a:pt x="43" y="88"/>
                    </a:lnTo>
                    <a:lnTo>
                      <a:pt x="87" y="48"/>
                    </a:lnTo>
                    <a:lnTo>
                      <a:pt x="69" y="32"/>
                    </a:lnTo>
                    <a:lnTo>
                      <a:pt x="87" y="8"/>
                    </a:lnTo>
                    <a:lnTo>
                      <a:pt x="104" y="16"/>
                    </a:lnTo>
                    <a:lnTo>
                      <a:pt x="121" y="0"/>
                    </a:lnTo>
                    <a:lnTo>
                      <a:pt x="139" y="24"/>
                    </a:lnTo>
                    <a:lnTo>
                      <a:pt x="148" y="64"/>
                    </a:lnTo>
                    <a:lnTo>
                      <a:pt x="191" y="24"/>
                    </a:lnTo>
                    <a:lnTo>
                      <a:pt x="208" y="32"/>
                    </a:lnTo>
                    <a:lnTo>
                      <a:pt x="226" y="56"/>
                    </a:lnTo>
                    <a:lnTo>
                      <a:pt x="252" y="48"/>
                    </a:lnTo>
                    <a:lnTo>
                      <a:pt x="278" y="48"/>
                    </a:lnTo>
                    <a:lnTo>
                      <a:pt x="295" y="56"/>
                    </a:lnTo>
                    <a:lnTo>
                      <a:pt x="321" y="8"/>
                    </a:lnTo>
                    <a:lnTo>
                      <a:pt x="373" y="0"/>
                    </a:lnTo>
                    <a:lnTo>
                      <a:pt x="425" y="152"/>
                    </a:lnTo>
                    <a:lnTo>
                      <a:pt x="486" y="176"/>
                    </a:lnTo>
                    <a:lnTo>
                      <a:pt x="512" y="208"/>
                    </a:lnTo>
                    <a:lnTo>
                      <a:pt x="460" y="240"/>
                    </a:lnTo>
                    <a:lnTo>
                      <a:pt x="477" y="264"/>
                    </a:lnTo>
                    <a:lnTo>
                      <a:pt x="391" y="352"/>
                    </a:lnTo>
                    <a:lnTo>
                      <a:pt x="321" y="360"/>
                    </a:lnTo>
                  </a:path>
                </a:pathLst>
              </a:custGeom>
              <a:solidFill>
                <a:srgbClr val="808080"/>
              </a:solidFill>
              <a:ln w="12700" cap="rnd">
                <a:solidFill>
                  <a:schemeClr val="bg1"/>
                </a:solidFill>
                <a:round/>
                <a:headEnd/>
                <a:tailEnd/>
              </a:ln>
            </p:spPr>
            <p:txBody>
              <a:bodyPr/>
              <a:lstStyle/>
              <a:p>
                <a:endParaRPr lang="de-CH" dirty="0"/>
              </a:p>
            </p:txBody>
          </p:sp>
          <p:sp>
            <p:nvSpPr>
              <p:cNvPr id="67" name="Freeform 102"/>
              <p:cNvSpPr>
                <a:spLocks/>
              </p:cNvSpPr>
              <p:nvPr/>
            </p:nvSpPr>
            <p:spPr bwMode="auto">
              <a:xfrm>
                <a:off x="1292" y="1514"/>
                <a:ext cx="783" cy="539"/>
              </a:xfrm>
              <a:custGeom>
                <a:avLst/>
                <a:gdLst>
                  <a:gd name="T0" fmla="*/ 2147483647 w 599"/>
                  <a:gd name="T1" fmla="*/ 2147483647 h 409"/>
                  <a:gd name="T2" fmla="*/ 2147483647 w 599"/>
                  <a:gd name="T3" fmla="*/ 2147483647 h 409"/>
                  <a:gd name="T4" fmla="*/ 2147483647 w 599"/>
                  <a:gd name="T5" fmla="*/ 2147483647 h 409"/>
                  <a:gd name="T6" fmla="*/ 2147483647 w 599"/>
                  <a:gd name="T7" fmla="*/ 2147483647 h 409"/>
                  <a:gd name="T8" fmla="*/ 2147483647 w 599"/>
                  <a:gd name="T9" fmla="*/ 2147483647 h 409"/>
                  <a:gd name="T10" fmla="*/ 2147483647 w 599"/>
                  <a:gd name="T11" fmla="*/ 2147483647 h 409"/>
                  <a:gd name="T12" fmla="*/ 2147483647 w 599"/>
                  <a:gd name="T13" fmla="*/ 0 h 409"/>
                  <a:gd name="T14" fmla="*/ 2147483647 w 599"/>
                  <a:gd name="T15" fmla="*/ 2147483647 h 409"/>
                  <a:gd name="T16" fmla="*/ 2147483647 w 599"/>
                  <a:gd name="T17" fmla="*/ 2147483647 h 409"/>
                  <a:gd name="T18" fmla="*/ 0 w 599"/>
                  <a:gd name="T19" fmla="*/ 2147483647 h 409"/>
                  <a:gd name="T20" fmla="*/ 2147483647 w 599"/>
                  <a:gd name="T21" fmla="*/ 2147483647 h 409"/>
                  <a:gd name="T22" fmla="*/ 2147483647 w 599"/>
                  <a:gd name="T23" fmla="*/ 2147483647 h 409"/>
                  <a:gd name="T24" fmla="*/ 2147483647 w 599"/>
                  <a:gd name="T25" fmla="*/ 2147483647 h 409"/>
                  <a:gd name="T26" fmla="*/ 2147483647 w 599"/>
                  <a:gd name="T27" fmla="*/ 2147483647 h 409"/>
                  <a:gd name="T28" fmla="*/ 2147483647 w 599"/>
                  <a:gd name="T29" fmla="*/ 2147483647 h 409"/>
                  <a:gd name="T30" fmla="*/ 2147483647 w 599"/>
                  <a:gd name="T31" fmla="*/ 2147483647 h 409"/>
                  <a:gd name="T32" fmla="*/ 2147483647 w 599"/>
                  <a:gd name="T33" fmla="*/ 2147483647 h 409"/>
                  <a:gd name="T34" fmla="*/ 2147483647 w 599"/>
                  <a:gd name="T35" fmla="*/ 2147483647 h 409"/>
                  <a:gd name="T36" fmla="*/ 2147483647 w 599"/>
                  <a:gd name="T37" fmla="*/ 2147483647 h 409"/>
                  <a:gd name="T38" fmla="*/ 2147483647 w 599"/>
                  <a:gd name="T39" fmla="*/ 2147483647 h 409"/>
                  <a:gd name="T40" fmla="*/ 2147483647 w 599"/>
                  <a:gd name="T41" fmla="*/ 2147483647 h 409"/>
                  <a:gd name="T42" fmla="*/ 2147483647 w 599"/>
                  <a:gd name="T43" fmla="*/ 2147483647 h 409"/>
                  <a:gd name="T44" fmla="*/ 2147483647 w 599"/>
                  <a:gd name="T45" fmla="*/ 2147483647 h 409"/>
                  <a:gd name="T46" fmla="*/ 2147483647 w 599"/>
                  <a:gd name="T47" fmla="*/ 2147483647 h 409"/>
                  <a:gd name="T48" fmla="*/ 2147483647 w 599"/>
                  <a:gd name="T49" fmla="*/ 2147483647 h 409"/>
                  <a:gd name="T50" fmla="*/ 2147483647 w 599"/>
                  <a:gd name="T51" fmla="*/ 2147483647 h 409"/>
                  <a:gd name="T52" fmla="*/ 2147483647 w 599"/>
                  <a:gd name="T53" fmla="*/ 2147483647 h 409"/>
                  <a:gd name="T54" fmla="*/ 2147483647 w 599"/>
                  <a:gd name="T55" fmla="*/ 2147483647 h 409"/>
                  <a:gd name="T56" fmla="*/ 2147483647 w 599"/>
                  <a:gd name="T57" fmla="*/ 2147483647 h 409"/>
                  <a:gd name="T58" fmla="*/ 2147483647 w 599"/>
                  <a:gd name="T59" fmla="*/ 2147483647 h 409"/>
                  <a:gd name="T60" fmla="*/ 2147483647 w 599"/>
                  <a:gd name="T61" fmla="*/ 2147483647 h 409"/>
                  <a:gd name="T62" fmla="*/ 2147483647 w 599"/>
                  <a:gd name="T63" fmla="*/ 2147483647 h 409"/>
                  <a:gd name="T64" fmla="*/ 2147483647 w 599"/>
                  <a:gd name="T65" fmla="*/ 2147483647 h 409"/>
                  <a:gd name="T66" fmla="*/ 2147483647 w 599"/>
                  <a:gd name="T67" fmla="*/ 2147483647 h 409"/>
                  <a:gd name="T68" fmla="*/ 2147483647 w 599"/>
                  <a:gd name="T69" fmla="*/ 2147483647 h 409"/>
                  <a:gd name="T70" fmla="*/ 2147483647 w 599"/>
                  <a:gd name="T71" fmla="*/ 2147483647 h 409"/>
                  <a:gd name="T72" fmla="*/ 2147483647 w 599"/>
                  <a:gd name="T73" fmla="*/ 2147483647 h 409"/>
                  <a:gd name="T74" fmla="*/ 2147483647 w 599"/>
                  <a:gd name="T75" fmla="*/ 2147483647 h 409"/>
                  <a:gd name="T76" fmla="*/ 2147483647 w 599"/>
                  <a:gd name="T77" fmla="*/ 2147483647 h 409"/>
                  <a:gd name="T78" fmla="*/ 2147483647 w 599"/>
                  <a:gd name="T79" fmla="*/ 2147483647 h 409"/>
                  <a:gd name="T80" fmla="*/ 2147483647 w 599"/>
                  <a:gd name="T81" fmla="*/ 2147483647 h 409"/>
                  <a:gd name="T82" fmla="*/ 2147483647 w 599"/>
                  <a:gd name="T83" fmla="*/ 2147483647 h 409"/>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599"/>
                  <a:gd name="T127" fmla="*/ 0 h 409"/>
                  <a:gd name="T128" fmla="*/ 599 w 599"/>
                  <a:gd name="T129" fmla="*/ 409 h 409"/>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599" h="409">
                    <a:moveTo>
                      <a:pt x="399" y="104"/>
                    </a:moveTo>
                    <a:lnTo>
                      <a:pt x="347" y="104"/>
                    </a:lnTo>
                    <a:lnTo>
                      <a:pt x="277" y="56"/>
                    </a:lnTo>
                    <a:lnTo>
                      <a:pt x="303" y="16"/>
                    </a:lnTo>
                    <a:lnTo>
                      <a:pt x="243" y="8"/>
                    </a:lnTo>
                    <a:lnTo>
                      <a:pt x="182" y="8"/>
                    </a:lnTo>
                    <a:lnTo>
                      <a:pt x="147" y="0"/>
                    </a:lnTo>
                    <a:lnTo>
                      <a:pt x="113" y="32"/>
                    </a:lnTo>
                    <a:lnTo>
                      <a:pt x="130" y="48"/>
                    </a:lnTo>
                    <a:lnTo>
                      <a:pt x="0" y="160"/>
                    </a:lnTo>
                    <a:lnTo>
                      <a:pt x="26" y="192"/>
                    </a:lnTo>
                    <a:lnTo>
                      <a:pt x="78" y="184"/>
                    </a:lnTo>
                    <a:lnTo>
                      <a:pt x="121" y="160"/>
                    </a:lnTo>
                    <a:lnTo>
                      <a:pt x="156" y="176"/>
                    </a:lnTo>
                    <a:lnTo>
                      <a:pt x="165" y="208"/>
                    </a:lnTo>
                    <a:lnTo>
                      <a:pt x="104" y="240"/>
                    </a:lnTo>
                    <a:lnTo>
                      <a:pt x="69" y="272"/>
                    </a:lnTo>
                    <a:lnTo>
                      <a:pt x="78" y="320"/>
                    </a:lnTo>
                    <a:lnTo>
                      <a:pt x="9" y="400"/>
                    </a:lnTo>
                    <a:lnTo>
                      <a:pt x="35" y="408"/>
                    </a:lnTo>
                    <a:lnTo>
                      <a:pt x="61" y="400"/>
                    </a:lnTo>
                    <a:lnTo>
                      <a:pt x="78" y="400"/>
                    </a:lnTo>
                    <a:lnTo>
                      <a:pt x="173" y="368"/>
                    </a:lnTo>
                    <a:lnTo>
                      <a:pt x="191" y="320"/>
                    </a:lnTo>
                    <a:lnTo>
                      <a:pt x="208" y="304"/>
                    </a:lnTo>
                    <a:lnTo>
                      <a:pt x="243" y="312"/>
                    </a:lnTo>
                    <a:lnTo>
                      <a:pt x="295" y="320"/>
                    </a:lnTo>
                    <a:lnTo>
                      <a:pt x="364" y="232"/>
                    </a:lnTo>
                    <a:lnTo>
                      <a:pt x="433" y="240"/>
                    </a:lnTo>
                    <a:lnTo>
                      <a:pt x="520" y="240"/>
                    </a:lnTo>
                    <a:lnTo>
                      <a:pt x="581" y="240"/>
                    </a:lnTo>
                    <a:lnTo>
                      <a:pt x="598" y="232"/>
                    </a:lnTo>
                    <a:lnTo>
                      <a:pt x="598" y="224"/>
                    </a:lnTo>
                    <a:lnTo>
                      <a:pt x="563" y="224"/>
                    </a:lnTo>
                    <a:lnTo>
                      <a:pt x="537" y="208"/>
                    </a:lnTo>
                    <a:lnTo>
                      <a:pt x="563" y="192"/>
                    </a:lnTo>
                    <a:lnTo>
                      <a:pt x="537" y="192"/>
                    </a:lnTo>
                    <a:lnTo>
                      <a:pt x="511" y="152"/>
                    </a:lnTo>
                    <a:lnTo>
                      <a:pt x="485" y="160"/>
                    </a:lnTo>
                    <a:lnTo>
                      <a:pt x="477" y="128"/>
                    </a:lnTo>
                    <a:lnTo>
                      <a:pt x="451" y="104"/>
                    </a:lnTo>
                    <a:lnTo>
                      <a:pt x="399" y="104"/>
                    </a:lnTo>
                  </a:path>
                </a:pathLst>
              </a:custGeom>
              <a:solidFill>
                <a:srgbClr val="CBCBCB"/>
              </a:solidFill>
              <a:ln w="12700">
                <a:solidFill>
                  <a:schemeClr val="bg1"/>
                </a:solidFill>
                <a:round/>
                <a:headEnd/>
                <a:tailEnd/>
              </a:ln>
            </p:spPr>
            <p:txBody>
              <a:bodyPr/>
              <a:lstStyle/>
              <a:p>
                <a:endParaRPr lang="de-CH" dirty="0"/>
              </a:p>
            </p:txBody>
          </p:sp>
          <p:sp>
            <p:nvSpPr>
              <p:cNvPr id="68" name="Freeform 103"/>
              <p:cNvSpPr>
                <a:spLocks/>
              </p:cNvSpPr>
              <p:nvPr/>
            </p:nvSpPr>
            <p:spPr bwMode="auto">
              <a:xfrm>
                <a:off x="3332" y="2188"/>
                <a:ext cx="2088" cy="1391"/>
              </a:xfrm>
              <a:custGeom>
                <a:avLst/>
                <a:gdLst>
                  <a:gd name="T0" fmla="*/ 2147483647 w 1596"/>
                  <a:gd name="T1" fmla="*/ 2147483647 h 1057"/>
                  <a:gd name="T2" fmla="*/ 2147483647 w 1596"/>
                  <a:gd name="T3" fmla="*/ 2147483647 h 1057"/>
                  <a:gd name="T4" fmla="*/ 2147483647 w 1596"/>
                  <a:gd name="T5" fmla="*/ 2147483647 h 1057"/>
                  <a:gd name="T6" fmla="*/ 2147483647 w 1596"/>
                  <a:gd name="T7" fmla="*/ 2147483647 h 1057"/>
                  <a:gd name="T8" fmla="*/ 2147483647 w 1596"/>
                  <a:gd name="T9" fmla="*/ 2147483647 h 1057"/>
                  <a:gd name="T10" fmla="*/ 2147483647 w 1596"/>
                  <a:gd name="T11" fmla="*/ 2147483647 h 1057"/>
                  <a:gd name="T12" fmla="*/ 2147483647 w 1596"/>
                  <a:gd name="T13" fmla="*/ 2147483647 h 1057"/>
                  <a:gd name="T14" fmla="*/ 2147483647 w 1596"/>
                  <a:gd name="T15" fmla="*/ 2147483647 h 1057"/>
                  <a:gd name="T16" fmla="*/ 2147483647 w 1596"/>
                  <a:gd name="T17" fmla="*/ 2147483647 h 1057"/>
                  <a:gd name="T18" fmla="*/ 2147483647 w 1596"/>
                  <a:gd name="T19" fmla="*/ 2147483647 h 1057"/>
                  <a:gd name="T20" fmla="*/ 2147483647 w 1596"/>
                  <a:gd name="T21" fmla="*/ 2147483647 h 1057"/>
                  <a:gd name="T22" fmla="*/ 2147483647 w 1596"/>
                  <a:gd name="T23" fmla="*/ 2147483647 h 1057"/>
                  <a:gd name="T24" fmla="*/ 2147483647 w 1596"/>
                  <a:gd name="T25" fmla="*/ 2147483647 h 1057"/>
                  <a:gd name="T26" fmla="*/ 2147483647 w 1596"/>
                  <a:gd name="T27" fmla="*/ 2147483647 h 1057"/>
                  <a:gd name="T28" fmla="*/ 2147483647 w 1596"/>
                  <a:gd name="T29" fmla="*/ 2147483647 h 1057"/>
                  <a:gd name="T30" fmla="*/ 2147483647 w 1596"/>
                  <a:gd name="T31" fmla="*/ 2147483647 h 1057"/>
                  <a:gd name="T32" fmla="*/ 2147483647 w 1596"/>
                  <a:gd name="T33" fmla="*/ 2147483647 h 1057"/>
                  <a:gd name="T34" fmla="*/ 2147483647 w 1596"/>
                  <a:gd name="T35" fmla="*/ 2147483647 h 1057"/>
                  <a:gd name="T36" fmla="*/ 2147483647 w 1596"/>
                  <a:gd name="T37" fmla="*/ 2147483647 h 1057"/>
                  <a:gd name="T38" fmla="*/ 2147483647 w 1596"/>
                  <a:gd name="T39" fmla="*/ 2147483647 h 1057"/>
                  <a:gd name="T40" fmla="*/ 2147483647 w 1596"/>
                  <a:gd name="T41" fmla="*/ 2147483647 h 1057"/>
                  <a:gd name="T42" fmla="*/ 2147483647 w 1596"/>
                  <a:gd name="T43" fmla="*/ 2147483647 h 1057"/>
                  <a:gd name="T44" fmla="*/ 2147483647 w 1596"/>
                  <a:gd name="T45" fmla="*/ 2147483647 h 1057"/>
                  <a:gd name="T46" fmla="*/ 2147483647 w 1596"/>
                  <a:gd name="T47" fmla="*/ 2147483647 h 1057"/>
                  <a:gd name="T48" fmla="*/ 2147483647 w 1596"/>
                  <a:gd name="T49" fmla="*/ 2147483647 h 1057"/>
                  <a:gd name="T50" fmla="*/ 2147483647 w 1596"/>
                  <a:gd name="T51" fmla="*/ 0 h 1057"/>
                  <a:gd name="T52" fmla="*/ 2147483647 w 1596"/>
                  <a:gd name="T53" fmla="*/ 2147483647 h 1057"/>
                  <a:gd name="T54" fmla="*/ 2147483647 w 1596"/>
                  <a:gd name="T55" fmla="*/ 2147483647 h 1057"/>
                  <a:gd name="T56" fmla="*/ 2147483647 w 1596"/>
                  <a:gd name="T57" fmla="*/ 2147483647 h 1057"/>
                  <a:gd name="T58" fmla="*/ 2147483647 w 1596"/>
                  <a:gd name="T59" fmla="*/ 2147483647 h 1057"/>
                  <a:gd name="T60" fmla="*/ 2147483647 w 1596"/>
                  <a:gd name="T61" fmla="*/ 2147483647 h 1057"/>
                  <a:gd name="T62" fmla="*/ 2147483647 w 1596"/>
                  <a:gd name="T63" fmla="*/ 2147483647 h 1057"/>
                  <a:gd name="T64" fmla="*/ 2147483647 w 1596"/>
                  <a:gd name="T65" fmla="*/ 2147483647 h 1057"/>
                  <a:gd name="T66" fmla="*/ 2147483647 w 1596"/>
                  <a:gd name="T67" fmla="*/ 2147483647 h 1057"/>
                  <a:gd name="T68" fmla="*/ 2147483647 w 1596"/>
                  <a:gd name="T69" fmla="*/ 2147483647 h 1057"/>
                  <a:gd name="T70" fmla="*/ 2147483647 w 1596"/>
                  <a:gd name="T71" fmla="*/ 2147483647 h 1057"/>
                  <a:gd name="T72" fmla="*/ 2147483647 w 1596"/>
                  <a:gd name="T73" fmla="*/ 2147483647 h 1057"/>
                  <a:gd name="T74" fmla="*/ 2147483647 w 1596"/>
                  <a:gd name="T75" fmla="*/ 2147483647 h 1057"/>
                  <a:gd name="T76" fmla="*/ 2147483647 w 1596"/>
                  <a:gd name="T77" fmla="*/ 2147483647 h 1057"/>
                  <a:gd name="T78" fmla="*/ 2147483647 w 1596"/>
                  <a:gd name="T79" fmla="*/ 2147483647 h 1057"/>
                  <a:gd name="T80" fmla="*/ 2147483647 w 1596"/>
                  <a:gd name="T81" fmla="*/ 2147483647 h 1057"/>
                  <a:gd name="T82" fmla="*/ 2147483647 w 1596"/>
                  <a:gd name="T83" fmla="*/ 2147483647 h 1057"/>
                  <a:gd name="T84" fmla="*/ 2147483647 w 1596"/>
                  <a:gd name="T85" fmla="*/ 2147483647 h 1057"/>
                  <a:gd name="T86" fmla="*/ 2147483647 w 1596"/>
                  <a:gd name="T87" fmla="*/ 2147483647 h 1057"/>
                  <a:gd name="T88" fmla="*/ 2147483647 w 1596"/>
                  <a:gd name="T89" fmla="*/ 2147483647 h 1057"/>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1596"/>
                  <a:gd name="T136" fmla="*/ 0 h 1057"/>
                  <a:gd name="T137" fmla="*/ 1596 w 1596"/>
                  <a:gd name="T138" fmla="*/ 1057 h 1057"/>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1596" h="1057">
                    <a:moveTo>
                      <a:pt x="520" y="984"/>
                    </a:moveTo>
                    <a:lnTo>
                      <a:pt x="572" y="840"/>
                    </a:lnTo>
                    <a:lnTo>
                      <a:pt x="546" y="736"/>
                    </a:lnTo>
                    <a:lnTo>
                      <a:pt x="537" y="680"/>
                    </a:lnTo>
                    <a:lnTo>
                      <a:pt x="555" y="656"/>
                    </a:lnTo>
                    <a:lnTo>
                      <a:pt x="641" y="696"/>
                    </a:lnTo>
                    <a:lnTo>
                      <a:pt x="667" y="640"/>
                    </a:lnTo>
                    <a:lnTo>
                      <a:pt x="719" y="648"/>
                    </a:lnTo>
                    <a:lnTo>
                      <a:pt x="711" y="808"/>
                    </a:lnTo>
                    <a:lnTo>
                      <a:pt x="806" y="888"/>
                    </a:lnTo>
                    <a:lnTo>
                      <a:pt x="867" y="896"/>
                    </a:lnTo>
                    <a:lnTo>
                      <a:pt x="936" y="888"/>
                    </a:lnTo>
                    <a:lnTo>
                      <a:pt x="945" y="840"/>
                    </a:lnTo>
                    <a:lnTo>
                      <a:pt x="962" y="824"/>
                    </a:lnTo>
                    <a:lnTo>
                      <a:pt x="997" y="848"/>
                    </a:lnTo>
                    <a:lnTo>
                      <a:pt x="1092" y="808"/>
                    </a:lnTo>
                    <a:lnTo>
                      <a:pt x="1136" y="800"/>
                    </a:lnTo>
                    <a:lnTo>
                      <a:pt x="1266" y="968"/>
                    </a:lnTo>
                    <a:lnTo>
                      <a:pt x="1361" y="920"/>
                    </a:lnTo>
                    <a:lnTo>
                      <a:pt x="1274" y="824"/>
                    </a:lnTo>
                    <a:lnTo>
                      <a:pt x="1300" y="784"/>
                    </a:lnTo>
                    <a:lnTo>
                      <a:pt x="1318" y="776"/>
                    </a:lnTo>
                    <a:lnTo>
                      <a:pt x="1361" y="728"/>
                    </a:lnTo>
                    <a:lnTo>
                      <a:pt x="1214" y="704"/>
                    </a:lnTo>
                    <a:lnTo>
                      <a:pt x="1214" y="584"/>
                    </a:lnTo>
                    <a:lnTo>
                      <a:pt x="1266" y="512"/>
                    </a:lnTo>
                    <a:lnTo>
                      <a:pt x="1361" y="480"/>
                    </a:lnTo>
                    <a:lnTo>
                      <a:pt x="1396" y="488"/>
                    </a:lnTo>
                    <a:lnTo>
                      <a:pt x="1387" y="512"/>
                    </a:lnTo>
                    <a:lnTo>
                      <a:pt x="1396" y="552"/>
                    </a:lnTo>
                    <a:lnTo>
                      <a:pt x="1586" y="592"/>
                    </a:lnTo>
                    <a:lnTo>
                      <a:pt x="1595" y="528"/>
                    </a:lnTo>
                    <a:lnTo>
                      <a:pt x="1595" y="496"/>
                    </a:lnTo>
                    <a:lnTo>
                      <a:pt x="1543" y="464"/>
                    </a:lnTo>
                    <a:lnTo>
                      <a:pt x="1500" y="432"/>
                    </a:lnTo>
                    <a:lnTo>
                      <a:pt x="1534" y="312"/>
                    </a:lnTo>
                    <a:lnTo>
                      <a:pt x="1578" y="184"/>
                    </a:lnTo>
                    <a:lnTo>
                      <a:pt x="1595" y="120"/>
                    </a:lnTo>
                    <a:lnTo>
                      <a:pt x="1552" y="80"/>
                    </a:lnTo>
                    <a:lnTo>
                      <a:pt x="1482" y="56"/>
                    </a:lnTo>
                    <a:lnTo>
                      <a:pt x="1439" y="112"/>
                    </a:lnTo>
                    <a:lnTo>
                      <a:pt x="1413" y="144"/>
                    </a:lnTo>
                    <a:lnTo>
                      <a:pt x="1378" y="136"/>
                    </a:lnTo>
                    <a:lnTo>
                      <a:pt x="1370" y="144"/>
                    </a:lnTo>
                    <a:lnTo>
                      <a:pt x="1370" y="192"/>
                    </a:lnTo>
                    <a:lnTo>
                      <a:pt x="1266" y="240"/>
                    </a:lnTo>
                    <a:lnTo>
                      <a:pt x="1170" y="184"/>
                    </a:lnTo>
                    <a:lnTo>
                      <a:pt x="1049" y="144"/>
                    </a:lnTo>
                    <a:lnTo>
                      <a:pt x="1049" y="96"/>
                    </a:lnTo>
                    <a:lnTo>
                      <a:pt x="1075" y="64"/>
                    </a:lnTo>
                    <a:lnTo>
                      <a:pt x="971" y="24"/>
                    </a:lnTo>
                    <a:lnTo>
                      <a:pt x="884" y="0"/>
                    </a:lnTo>
                    <a:lnTo>
                      <a:pt x="806" y="8"/>
                    </a:lnTo>
                    <a:lnTo>
                      <a:pt x="719" y="16"/>
                    </a:lnTo>
                    <a:lnTo>
                      <a:pt x="754" y="88"/>
                    </a:lnTo>
                    <a:lnTo>
                      <a:pt x="719" y="152"/>
                    </a:lnTo>
                    <a:lnTo>
                      <a:pt x="693" y="224"/>
                    </a:lnTo>
                    <a:lnTo>
                      <a:pt x="511" y="176"/>
                    </a:lnTo>
                    <a:lnTo>
                      <a:pt x="416" y="248"/>
                    </a:lnTo>
                    <a:lnTo>
                      <a:pt x="381" y="224"/>
                    </a:lnTo>
                    <a:lnTo>
                      <a:pt x="347" y="232"/>
                    </a:lnTo>
                    <a:lnTo>
                      <a:pt x="312" y="304"/>
                    </a:lnTo>
                    <a:lnTo>
                      <a:pt x="243" y="320"/>
                    </a:lnTo>
                    <a:lnTo>
                      <a:pt x="208" y="320"/>
                    </a:lnTo>
                    <a:lnTo>
                      <a:pt x="199" y="288"/>
                    </a:lnTo>
                    <a:lnTo>
                      <a:pt x="147" y="328"/>
                    </a:lnTo>
                    <a:lnTo>
                      <a:pt x="147" y="368"/>
                    </a:lnTo>
                    <a:lnTo>
                      <a:pt x="113" y="400"/>
                    </a:lnTo>
                    <a:lnTo>
                      <a:pt x="78" y="392"/>
                    </a:lnTo>
                    <a:lnTo>
                      <a:pt x="17" y="448"/>
                    </a:lnTo>
                    <a:lnTo>
                      <a:pt x="0" y="512"/>
                    </a:lnTo>
                    <a:lnTo>
                      <a:pt x="35" y="576"/>
                    </a:lnTo>
                    <a:lnTo>
                      <a:pt x="173" y="600"/>
                    </a:lnTo>
                    <a:lnTo>
                      <a:pt x="217" y="568"/>
                    </a:lnTo>
                    <a:lnTo>
                      <a:pt x="217" y="528"/>
                    </a:lnTo>
                    <a:lnTo>
                      <a:pt x="260" y="512"/>
                    </a:lnTo>
                    <a:lnTo>
                      <a:pt x="286" y="528"/>
                    </a:lnTo>
                    <a:lnTo>
                      <a:pt x="260" y="552"/>
                    </a:lnTo>
                    <a:lnTo>
                      <a:pt x="295" y="544"/>
                    </a:lnTo>
                    <a:lnTo>
                      <a:pt x="338" y="544"/>
                    </a:lnTo>
                    <a:lnTo>
                      <a:pt x="347" y="568"/>
                    </a:lnTo>
                    <a:lnTo>
                      <a:pt x="321" y="640"/>
                    </a:lnTo>
                    <a:lnTo>
                      <a:pt x="355" y="696"/>
                    </a:lnTo>
                    <a:lnTo>
                      <a:pt x="390" y="696"/>
                    </a:lnTo>
                    <a:lnTo>
                      <a:pt x="399" y="776"/>
                    </a:lnTo>
                    <a:lnTo>
                      <a:pt x="390" y="848"/>
                    </a:lnTo>
                    <a:lnTo>
                      <a:pt x="355" y="880"/>
                    </a:lnTo>
                    <a:lnTo>
                      <a:pt x="381" y="1000"/>
                    </a:lnTo>
                    <a:lnTo>
                      <a:pt x="451" y="1056"/>
                    </a:lnTo>
                    <a:lnTo>
                      <a:pt x="520" y="984"/>
                    </a:lnTo>
                  </a:path>
                </a:pathLst>
              </a:custGeom>
              <a:solidFill>
                <a:srgbClr val="808080"/>
              </a:solidFill>
              <a:ln w="12700" cap="rnd">
                <a:solidFill>
                  <a:schemeClr val="bg1"/>
                </a:solidFill>
                <a:round/>
                <a:headEnd/>
                <a:tailEnd/>
              </a:ln>
            </p:spPr>
            <p:txBody>
              <a:bodyPr/>
              <a:lstStyle/>
              <a:p>
                <a:endParaRPr lang="de-CH" dirty="0"/>
              </a:p>
            </p:txBody>
          </p:sp>
          <p:sp>
            <p:nvSpPr>
              <p:cNvPr id="69" name="Freeform 104"/>
              <p:cNvSpPr>
                <a:spLocks/>
              </p:cNvSpPr>
              <p:nvPr/>
            </p:nvSpPr>
            <p:spPr bwMode="auto">
              <a:xfrm>
                <a:off x="3570" y="2030"/>
                <a:ext cx="433" cy="581"/>
              </a:xfrm>
              <a:custGeom>
                <a:avLst/>
                <a:gdLst>
                  <a:gd name="T0" fmla="*/ 2147483647 w 331"/>
                  <a:gd name="T1" fmla="*/ 2147483647 h 441"/>
                  <a:gd name="T2" fmla="*/ 2147483647 w 331"/>
                  <a:gd name="T3" fmla="*/ 2147483647 h 441"/>
                  <a:gd name="T4" fmla="*/ 2147483647 w 331"/>
                  <a:gd name="T5" fmla="*/ 2147483647 h 441"/>
                  <a:gd name="T6" fmla="*/ 2147483647 w 331"/>
                  <a:gd name="T7" fmla="*/ 2147483647 h 441"/>
                  <a:gd name="T8" fmla="*/ 2147483647 w 331"/>
                  <a:gd name="T9" fmla="*/ 2147483647 h 441"/>
                  <a:gd name="T10" fmla="*/ 2147483647 w 331"/>
                  <a:gd name="T11" fmla="*/ 2147483647 h 441"/>
                  <a:gd name="T12" fmla="*/ 2147483647 w 331"/>
                  <a:gd name="T13" fmla="*/ 2147483647 h 441"/>
                  <a:gd name="T14" fmla="*/ 0 w 331"/>
                  <a:gd name="T15" fmla="*/ 2147483647 h 441"/>
                  <a:gd name="T16" fmla="*/ 2147483647 w 331"/>
                  <a:gd name="T17" fmla="*/ 2147483647 h 441"/>
                  <a:gd name="T18" fmla="*/ 2147483647 w 331"/>
                  <a:gd name="T19" fmla="*/ 2147483647 h 441"/>
                  <a:gd name="T20" fmla="*/ 2147483647 w 331"/>
                  <a:gd name="T21" fmla="*/ 2147483647 h 441"/>
                  <a:gd name="T22" fmla="*/ 2147483647 w 331"/>
                  <a:gd name="T23" fmla="*/ 2147483647 h 441"/>
                  <a:gd name="T24" fmla="*/ 2147483647 w 331"/>
                  <a:gd name="T25" fmla="*/ 2147483647 h 441"/>
                  <a:gd name="T26" fmla="*/ 2147483647 w 331"/>
                  <a:gd name="T27" fmla="*/ 2147483647 h 441"/>
                  <a:gd name="T28" fmla="*/ 2147483647 w 331"/>
                  <a:gd name="T29" fmla="*/ 2147483647 h 441"/>
                  <a:gd name="T30" fmla="*/ 2147483647 w 331"/>
                  <a:gd name="T31" fmla="*/ 0 h 441"/>
                  <a:gd name="T32" fmla="*/ 2147483647 w 331"/>
                  <a:gd name="T33" fmla="*/ 2147483647 h 441"/>
                  <a:gd name="T34" fmla="*/ 2147483647 w 331"/>
                  <a:gd name="T35" fmla="*/ 2147483647 h 441"/>
                  <a:gd name="T36" fmla="*/ 2147483647 w 331"/>
                  <a:gd name="T37" fmla="*/ 2147483647 h 441"/>
                  <a:gd name="T38" fmla="*/ 2147483647 w 331"/>
                  <a:gd name="T39" fmla="*/ 2147483647 h 441"/>
                  <a:gd name="T40" fmla="*/ 2147483647 w 331"/>
                  <a:gd name="T41" fmla="*/ 2147483647 h 441"/>
                  <a:gd name="T42" fmla="*/ 2147483647 w 331"/>
                  <a:gd name="T43" fmla="*/ 2147483647 h 441"/>
                  <a:gd name="T44" fmla="*/ 2147483647 w 331"/>
                  <a:gd name="T45" fmla="*/ 2147483647 h 441"/>
                  <a:gd name="T46" fmla="*/ 2147483647 w 331"/>
                  <a:gd name="T47" fmla="*/ 2147483647 h 441"/>
                  <a:gd name="T48" fmla="*/ 2147483647 w 331"/>
                  <a:gd name="T49" fmla="*/ 2147483647 h 441"/>
                  <a:gd name="T50" fmla="*/ 2147483647 w 331"/>
                  <a:gd name="T51" fmla="*/ 2147483647 h 441"/>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w 331"/>
                  <a:gd name="T79" fmla="*/ 0 h 441"/>
                  <a:gd name="T80" fmla="*/ 331 w 331"/>
                  <a:gd name="T81" fmla="*/ 441 h 441"/>
                </a:gdLst>
                <a:ahLst/>
                <a:cxnLst>
                  <a:cxn ang="T52">
                    <a:pos x="T0" y="T1"/>
                  </a:cxn>
                  <a:cxn ang="T53">
                    <a:pos x="T2" y="T3"/>
                  </a:cxn>
                  <a:cxn ang="T54">
                    <a:pos x="T4" y="T5"/>
                  </a:cxn>
                  <a:cxn ang="T55">
                    <a:pos x="T6" y="T7"/>
                  </a:cxn>
                  <a:cxn ang="T56">
                    <a:pos x="T8" y="T9"/>
                  </a:cxn>
                  <a:cxn ang="T57">
                    <a:pos x="T10" y="T11"/>
                  </a:cxn>
                  <a:cxn ang="T58">
                    <a:pos x="T12" y="T13"/>
                  </a:cxn>
                  <a:cxn ang="T59">
                    <a:pos x="T14" y="T15"/>
                  </a:cxn>
                  <a:cxn ang="T60">
                    <a:pos x="T16" y="T17"/>
                  </a:cxn>
                  <a:cxn ang="T61">
                    <a:pos x="T18" y="T19"/>
                  </a:cxn>
                  <a:cxn ang="T62">
                    <a:pos x="T20" y="T21"/>
                  </a:cxn>
                  <a:cxn ang="T63">
                    <a:pos x="T22" y="T23"/>
                  </a:cxn>
                  <a:cxn ang="T64">
                    <a:pos x="T24" y="T25"/>
                  </a:cxn>
                  <a:cxn ang="T65">
                    <a:pos x="T26" y="T27"/>
                  </a:cxn>
                  <a:cxn ang="T66">
                    <a:pos x="T28" y="T29"/>
                  </a:cxn>
                  <a:cxn ang="T67">
                    <a:pos x="T30" y="T31"/>
                  </a:cxn>
                  <a:cxn ang="T68">
                    <a:pos x="T32" y="T33"/>
                  </a:cxn>
                  <a:cxn ang="T69">
                    <a:pos x="T34" y="T35"/>
                  </a:cxn>
                  <a:cxn ang="T70">
                    <a:pos x="T36" y="T37"/>
                  </a:cxn>
                  <a:cxn ang="T71">
                    <a:pos x="T38" y="T39"/>
                  </a:cxn>
                  <a:cxn ang="T72">
                    <a:pos x="T40" y="T41"/>
                  </a:cxn>
                  <a:cxn ang="T73">
                    <a:pos x="T42" y="T43"/>
                  </a:cxn>
                  <a:cxn ang="T74">
                    <a:pos x="T44" y="T45"/>
                  </a:cxn>
                  <a:cxn ang="T75">
                    <a:pos x="T46" y="T47"/>
                  </a:cxn>
                  <a:cxn ang="T76">
                    <a:pos x="T48" y="T49"/>
                  </a:cxn>
                  <a:cxn ang="T77">
                    <a:pos x="T50" y="T51"/>
                  </a:cxn>
                </a:cxnLst>
                <a:rect l="T78" t="T79" r="T80" b="T81"/>
                <a:pathLst>
                  <a:path w="331" h="441">
                    <a:moveTo>
                      <a:pt x="234" y="368"/>
                    </a:moveTo>
                    <a:lnTo>
                      <a:pt x="200" y="344"/>
                    </a:lnTo>
                    <a:lnTo>
                      <a:pt x="165" y="352"/>
                    </a:lnTo>
                    <a:lnTo>
                      <a:pt x="130" y="424"/>
                    </a:lnTo>
                    <a:lnTo>
                      <a:pt x="61" y="440"/>
                    </a:lnTo>
                    <a:lnTo>
                      <a:pt x="26" y="440"/>
                    </a:lnTo>
                    <a:lnTo>
                      <a:pt x="17" y="408"/>
                    </a:lnTo>
                    <a:lnTo>
                      <a:pt x="0" y="384"/>
                    </a:lnTo>
                    <a:lnTo>
                      <a:pt x="78" y="336"/>
                    </a:lnTo>
                    <a:lnTo>
                      <a:pt x="61" y="288"/>
                    </a:lnTo>
                    <a:lnTo>
                      <a:pt x="78" y="224"/>
                    </a:lnTo>
                    <a:lnTo>
                      <a:pt x="17" y="160"/>
                    </a:lnTo>
                    <a:lnTo>
                      <a:pt x="52" y="144"/>
                    </a:lnTo>
                    <a:lnTo>
                      <a:pt x="96" y="80"/>
                    </a:lnTo>
                    <a:lnTo>
                      <a:pt x="69" y="40"/>
                    </a:lnTo>
                    <a:lnTo>
                      <a:pt x="78" y="0"/>
                    </a:lnTo>
                    <a:lnTo>
                      <a:pt x="156" y="32"/>
                    </a:lnTo>
                    <a:lnTo>
                      <a:pt x="252" y="56"/>
                    </a:lnTo>
                    <a:lnTo>
                      <a:pt x="269" y="64"/>
                    </a:lnTo>
                    <a:lnTo>
                      <a:pt x="295" y="104"/>
                    </a:lnTo>
                    <a:lnTo>
                      <a:pt x="243" y="152"/>
                    </a:lnTo>
                    <a:lnTo>
                      <a:pt x="269" y="184"/>
                    </a:lnTo>
                    <a:lnTo>
                      <a:pt x="304" y="168"/>
                    </a:lnTo>
                    <a:lnTo>
                      <a:pt x="330" y="192"/>
                    </a:lnTo>
                    <a:lnTo>
                      <a:pt x="330" y="296"/>
                    </a:lnTo>
                    <a:lnTo>
                      <a:pt x="234" y="368"/>
                    </a:lnTo>
                  </a:path>
                </a:pathLst>
              </a:custGeom>
              <a:solidFill>
                <a:srgbClr val="808080"/>
              </a:solidFill>
              <a:ln w="12700" cap="rnd">
                <a:solidFill>
                  <a:schemeClr val="bg1"/>
                </a:solidFill>
                <a:round/>
                <a:headEnd/>
                <a:tailEnd/>
              </a:ln>
            </p:spPr>
            <p:txBody>
              <a:bodyPr/>
              <a:lstStyle/>
              <a:p>
                <a:endParaRPr lang="de-CH" dirty="0"/>
              </a:p>
            </p:txBody>
          </p:sp>
          <p:sp>
            <p:nvSpPr>
              <p:cNvPr id="70" name="Freeform 105"/>
              <p:cNvSpPr>
                <a:spLocks/>
              </p:cNvSpPr>
              <p:nvPr/>
            </p:nvSpPr>
            <p:spPr bwMode="auto">
              <a:xfrm>
                <a:off x="499" y="3283"/>
                <a:ext cx="69" cy="54"/>
              </a:xfrm>
              <a:custGeom>
                <a:avLst/>
                <a:gdLst>
                  <a:gd name="T0" fmla="*/ 0 w 53"/>
                  <a:gd name="T1" fmla="*/ 2147483647 h 41"/>
                  <a:gd name="T2" fmla="*/ 2147483647 w 53"/>
                  <a:gd name="T3" fmla="*/ 0 h 41"/>
                  <a:gd name="T4" fmla="*/ 2147483647 w 53"/>
                  <a:gd name="T5" fmla="*/ 2147483647 h 41"/>
                  <a:gd name="T6" fmla="*/ 2147483647 w 53"/>
                  <a:gd name="T7" fmla="*/ 2147483647 h 41"/>
                  <a:gd name="T8" fmla="*/ 0 w 53"/>
                  <a:gd name="T9" fmla="*/ 2147483647 h 41"/>
                  <a:gd name="T10" fmla="*/ 0 60000 65536"/>
                  <a:gd name="T11" fmla="*/ 0 60000 65536"/>
                  <a:gd name="T12" fmla="*/ 0 60000 65536"/>
                  <a:gd name="T13" fmla="*/ 0 60000 65536"/>
                  <a:gd name="T14" fmla="*/ 0 60000 65536"/>
                  <a:gd name="T15" fmla="*/ 0 w 53"/>
                  <a:gd name="T16" fmla="*/ 0 h 41"/>
                  <a:gd name="T17" fmla="*/ 53 w 53"/>
                  <a:gd name="T18" fmla="*/ 41 h 41"/>
                </a:gdLst>
                <a:ahLst/>
                <a:cxnLst>
                  <a:cxn ang="T10">
                    <a:pos x="T0" y="T1"/>
                  </a:cxn>
                  <a:cxn ang="T11">
                    <a:pos x="T2" y="T3"/>
                  </a:cxn>
                  <a:cxn ang="T12">
                    <a:pos x="T4" y="T5"/>
                  </a:cxn>
                  <a:cxn ang="T13">
                    <a:pos x="T6" y="T7"/>
                  </a:cxn>
                  <a:cxn ang="T14">
                    <a:pos x="T8" y="T9"/>
                  </a:cxn>
                </a:cxnLst>
                <a:rect l="T15" t="T16" r="T17" b="T18"/>
                <a:pathLst>
                  <a:path w="53" h="41">
                    <a:moveTo>
                      <a:pt x="0" y="24"/>
                    </a:moveTo>
                    <a:lnTo>
                      <a:pt x="17" y="0"/>
                    </a:lnTo>
                    <a:lnTo>
                      <a:pt x="52" y="24"/>
                    </a:lnTo>
                    <a:lnTo>
                      <a:pt x="35" y="40"/>
                    </a:lnTo>
                    <a:lnTo>
                      <a:pt x="0" y="24"/>
                    </a:lnTo>
                  </a:path>
                </a:pathLst>
              </a:custGeom>
              <a:solidFill>
                <a:srgbClr val="CBCBCB"/>
              </a:solidFill>
              <a:ln w="12700" cap="rnd">
                <a:solidFill>
                  <a:schemeClr val="bg1"/>
                </a:solidFill>
                <a:round/>
                <a:headEnd/>
                <a:tailEnd/>
              </a:ln>
            </p:spPr>
            <p:txBody>
              <a:bodyPr/>
              <a:lstStyle/>
              <a:p>
                <a:endParaRPr lang="de-CH" dirty="0"/>
              </a:p>
            </p:txBody>
          </p:sp>
          <p:sp>
            <p:nvSpPr>
              <p:cNvPr id="71" name="Freeform 106"/>
              <p:cNvSpPr>
                <a:spLocks/>
              </p:cNvSpPr>
              <p:nvPr/>
            </p:nvSpPr>
            <p:spPr bwMode="auto">
              <a:xfrm>
                <a:off x="249" y="3336"/>
                <a:ext cx="421" cy="286"/>
              </a:xfrm>
              <a:custGeom>
                <a:avLst/>
                <a:gdLst>
                  <a:gd name="T0" fmla="*/ 2147483647 w 322"/>
                  <a:gd name="T1" fmla="*/ 2147483647 h 217"/>
                  <a:gd name="T2" fmla="*/ 2147483647 w 322"/>
                  <a:gd name="T3" fmla="*/ 2147483647 h 217"/>
                  <a:gd name="T4" fmla="*/ 2147483647 w 322"/>
                  <a:gd name="T5" fmla="*/ 2147483647 h 217"/>
                  <a:gd name="T6" fmla="*/ 2147483647 w 322"/>
                  <a:gd name="T7" fmla="*/ 2147483647 h 217"/>
                  <a:gd name="T8" fmla="*/ 2147483647 w 322"/>
                  <a:gd name="T9" fmla="*/ 2147483647 h 217"/>
                  <a:gd name="T10" fmla="*/ 2147483647 w 322"/>
                  <a:gd name="T11" fmla="*/ 2147483647 h 217"/>
                  <a:gd name="T12" fmla="*/ 2147483647 w 322"/>
                  <a:gd name="T13" fmla="*/ 2147483647 h 217"/>
                  <a:gd name="T14" fmla="*/ 2147483647 w 322"/>
                  <a:gd name="T15" fmla="*/ 2147483647 h 217"/>
                  <a:gd name="T16" fmla="*/ 2147483647 w 322"/>
                  <a:gd name="T17" fmla="*/ 2147483647 h 217"/>
                  <a:gd name="T18" fmla="*/ 2147483647 w 322"/>
                  <a:gd name="T19" fmla="*/ 2147483647 h 217"/>
                  <a:gd name="T20" fmla="*/ 0 w 322"/>
                  <a:gd name="T21" fmla="*/ 2147483647 h 217"/>
                  <a:gd name="T22" fmla="*/ 0 w 322"/>
                  <a:gd name="T23" fmla="*/ 2147483647 h 217"/>
                  <a:gd name="T24" fmla="*/ 2147483647 w 322"/>
                  <a:gd name="T25" fmla="*/ 2147483647 h 217"/>
                  <a:gd name="T26" fmla="*/ 2147483647 w 322"/>
                  <a:gd name="T27" fmla="*/ 2147483647 h 217"/>
                  <a:gd name="T28" fmla="*/ 2147483647 w 322"/>
                  <a:gd name="T29" fmla="*/ 2147483647 h 217"/>
                  <a:gd name="T30" fmla="*/ 2147483647 w 322"/>
                  <a:gd name="T31" fmla="*/ 2147483647 h 217"/>
                  <a:gd name="T32" fmla="*/ 2147483647 w 322"/>
                  <a:gd name="T33" fmla="*/ 2147483647 h 217"/>
                  <a:gd name="T34" fmla="*/ 2147483647 w 322"/>
                  <a:gd name="T35" fmla="*/ 0 h 217"/>
                  <a:gd name="T36" fmla="*/ 2147483647 w 322"/>
                  <a:gd name="T37" fmla="*/ 2147483647 h 217"/>
                  <a:gd name="T38" fmla="*/ 2147483647 w 322"/>
                  <a:gd name="T39" fmla="*/ 2147483647 h 217"/>
                  <a:gd name="T40" fmla="*/ 2147483647 w 322"/>
                  <a:gd name="T41" fmla="*/ 2147483647 h 217"/>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322"/>
                  <a:gd name="T64" fmla="*/ 0 h 217"/>
                  <a:gd name="T65" fmla="*/ 322 w 322"/>
                  <a:gd name="T66" fmla="*/ 217 h 217"/>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322" h="217">
                    <a:moveTo>
                      <a:pt x="260" y="72"/>
                    </a:moveTo>
                    <a:lnTo>
                      <a:pt x="321" y="96"/>
                    </a:lnTo>
                    <a:lnTo>
                      <a:pt x="278" y="128"/>
                    </a:lnTo>
                    <a:lnTo>
                      <a:pt x="182" y="208"/>
                    </a:lnTo>
                    <a:lnTo>
                      <a:pt x="139" y="208"/>
                    </a:lnTo>
                    <a:lnTo>
                      <a:pt x="61" y="208"/>
                    </a:lnTo>
                    <a:lnTo>
                      <a:pt x="9" y="208"/>
                    </a:lnTo>
                    <a:lnTo>
                      <a:pt x="9" y="216"/>
                    </a:lnTo>
                    <a:lnTo>
                      <a:pt x="9" y="208"/>
                    </a:lnTo>
                    <a:lnTo>
                      <a:pt x="9" y="184"/>
                    </a:lnTo>
                    <a:lnTo>
                      <a:pt x="0" y="160"/>
                    </a:lnTo>
                    <a:lnTo>
                      <a:pt x="0" y="144"/>
                    </a:lnTo>
                    <a:lnTo>
                      <a:pt x="9" y="136"/>
                    </a:lnTo>
                    <a:lnTo>
                      <a:pt x="9" y="128"/>
                    </a:lnTo>
                    <a:lnTo>
                      <a:pt x="35" y="120"/>
                    </a:lnTo>
                    <a:lnTo>
                      <a:pt x="139" y="80"/>
                    </a:lnTo>
                    <a:lnTo>
                      <a:pt x="113" y="32"/>
                    </a:lnTo>
                    <a:lnTo>
                      <a:pt x="139" y="0"/>
                    </a:lnTo>
                    <a:lnTo>
                      <a:pt x="191" y="40"/>
                    </a:lnTo>
                    <a:lnTo>
                      <a:pt x="252" y="40"/>
                    </a:lnTo>
                    <a:lnTo>
                      <a:pt x="260" y="72"/>
                    </a:lnTo>
                  </a:path>
                </a:pathLst>
              </a:custGeom>
              <a:solidFill>
                <a:srgbClr val="CBCBCB"/>
              </a:solidFill>
              <a:ln w="12700">
                <a:solidFill>
                  <a:schemeClr val="bg1"/>
                </a:solidFill>
                <a:round/>
                <a:headEnd/>
                <a:tailEnd/>
              </a:ln>
            </p:spPr>
            <p:txBody>
              <a:bodyPr/>
              <a:lstStyle/>
              <a:p>
                <a:endParaRPr lang="de-CH" dirty="0"/>
              </a:p>
            </p:txBody>
          </p:sp>
          <p:sp>
            <p:nvSpPr>
              <p:cNvPr id="72" name="Freeform 107"/>
              <p:cNvSpPr>
                <a:spLocks/>
              </p:cNvSpPr>
              <p:nvPr/>
            </p:nvSpPr>
            <p:spPr bwMode="auto">
              <a:xfrm>
                <a:off x="1213" y="2652"/>
                <a:ext cx="80" cy="64"/>
              </a:xfrm>
              <a:custGeom>
                <a:avLst/>
                <a:gdLst>
                  <a:gd name="T0" fmla="*/ 2147483647 w 61"/>
                  <a:gd name="T1" fmla="*/ 2147483647 h 49"/>
                  <a:gd name="T2" fmla="*/ 2147483647 w 61"/>
                  <a:gd name="T3" fmla="*/ 2147483647 h 49"/>
                  <a:gd name="T4" fmla="*/ 0 w 61"/>
                  <a:gd name="T5" fmla="*/ 2147483647 h 49"/>
                  <a:gd name="T6" fmla="*/ 2147483647 w 61"/>
                  <a:gd name="T7" fmla="*/ 0 h 49"/>
                  <a:gd name="T8" fmla="*/ 2147483647 w 61"/>
                  <a:gd name="T9" fmla="*/ 2147483647 h 49"/>
                  <a:gd name="T10" fmla="*/ 0 60000 65536"/>
                  <a:gd name="T11" fmla="*/ 0 60000 65536"/>
                  <a:gd name="T12" fmla="*/ 0 60000 65536"/>
                  <a:gd name="T13" fmla="*/ 0 60000 65536"/>
                  <a:gd name="T14" fmla="*/ 0 60000 65536"/>
                  <a:gd name="T15" fmla="*/ 0 w 61"/>
                  <a:gd name="T16" fmla="*/ 0 h 49"/>
                  <a:gd name="T17" fmla="*/ 61 w 61"/>
                  <a:gd name="T18" fmla="*/ 49 h 49"/>
                </a:gdLst>
                <a:ahLst/>
                <a:cxnLst>
                  <a:cxn ang="T10">
                    <a:pos x="T0" y="T1"/>
                  </a:cxn>
                  <a:cxn ang="T11">
                    <a:pos x="T2" y="T3"/>
                  </a:cxn>
                  <a:cxn ang="T12">
                    <a:pos x="T4" y="T5"/>
                  </a:cxn>
                  <a:cxn ang="T13">
                    <a:pos x="T6" y="T7"/>
                  </a:cxn>
                  <a:cxn ang="T14">
                    <a:pos x="T8" y="T9"/>
                  </a:cxn>
                </a:cxnLst>
                <a:rect l="T15" t="T16" r="T17" b="T18"/>
                <a:pathLst>
                  <a:path w="61" h="49">
                    <a:moveTo>
                      <a:pt x="60" y="16"/>
                    </a:moveTo>
                    <a:lnTo>
                      <a:pt x="43" y="48"/>
                    </a:lnTo>
                    <a:lnTo>
                      <a:pt x="0" y="24"/>
                    </a:lnTo>
                    <a:lnTo>
                      <a:pt x="34" y="0"/>
                    </a:lnTo>
                    <a:lnTo>
                      <a:pt x="60" y="16"/>
                    </a:lnTo>
                  </a:path>
                </a:pathLst>
              </a:custGeom>
              <a:solidFill>
                <a:srgbClr val="CBCBCB"/>
              </a:solidFill>
              <a:ln w="12700" cap="rnd">
                <a:solidFill>
                  <a:schemeClr val="bg1"/>
                </a:solidFill>
                <a:round/>
                <a:headEnd/>
                <a:tailEnd/>
              </a:ln>
            </p:spPr>
            <p:txBody>
              <a:bodyPr/>
              <a:lstStyle/>
              <a:p>
                <a:endParaRPr lang="de-CH" dirty="0"/>
              </a:p>
            </p:txBody>
          </p:sp>
          <p:sp>
            <p:nvSpPr>
              <p:cNvPr id="73" name="Freeform 108"/>
              <p:cNvSpPr>
                <a:spLocks/>
              </p:cNvSpPr>
              <p:nvPr/>
            </p:nvSpPr>
            <p:spPr bwMode="auto">
              <a:xfrm>
                <a:off x="1145" y="2652"/>
                <a:ext cx="58" cy="53"/>
              </a:xfrm>
              <a:custGeom>
                <a:avLst/>
                <a:gdLst>
                  <a:gd name="T0" fmla="*/ 2147483647 w 44"/>
                  <a:gd name="T1" fmla="*/ 0 h 41"/>
                  <a:gd name="T2" fmla="*/ 0 w 44"/>
                  <a:gd name="T3" fmla="*/ 2147483647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8"/>
                    </a:lnTo>
                    <a:lnTo>
                      <a:pt x="17" y="40"/>
                    </a:lnTo>
                    <a:lnTo>
                      <a:pt x="43" y="8"/>
                    </a:lnTo>
                    <a:lnTo>
                      <a:pt x="26" y="0"/>
                    </a:lnTo>
                  </a:path>
                </a:pathLst>
              </a:custGeom>
              <a:solidFill>
                <a:srgbClr val="CBCBCB"/>
              </a:solidFill>
              <a:ln w="12700" cap="rnd">
                <a:solidFill>
                  <a:schemeClr val="bg1"/>
                </a:solidFill>
                <a:round/>
                <a:headEnd/>
                <a:tailEnd/>
              </a:ln>
            </p:spPr>
            <p:txBody>
              <a:bodyPr/>
              <a:lstStyle/>
              <a:p>
                <a:endParaRPr lang="de-CH" dirty="0"/>
              </a:p>
            </p:txBody>
          </p:sp>
          <p:sp>
            <p:nvSpPr>
              <p:cNvPr id="74" name="Freeform 109"/>
              <p:cNvSpPr>
                <a:spLocks/>
              </p:cNvSpPr>
              <p:nvPr/>
            </p:nvSpPr>
            <p:spPr bwMode="auto">
              <a:xfrm>
                <a:off x="1156" y="2462"/>
                <a:ext cx="205" cy="159"/>
              </a:xfrm>
              <a:custGeom>
                <a:avLst/>
                <a:gdLst>
                  <a:gd name="T0" fmla="*/ 2147483647 w 157"/>
                  <a:gd name="T1" fmla="*/ 2147483647 h 121"/>
                  <a:gd name="T2" fmla="*/ 2147483647 w 157"/>
                  <a:gd name="T3" fmla="*/ 2147483647 h 121"/>
                  <a:gd name="T4" fmla="*/ 2147483647 w 157"/>
                  <a:gd name="T5" fmla="*/ 2147483647 h 121"/>
                  <a:gd name="T6" fmla="*/ 2147483647 w 157"/>
                  <a:gd name="T7" fmla="*/ 2147483647 h 121"/>
                  <a:gd name="T8" fmla="*/ 2147483647 w 157"/>
                  <a:gd name="T9" fmla="*/ 2147483647 h 121"/>
                  <a:gd name="T10" fmla="*/ 2147483647 w 157"/>
                  <a:gd name="T11" fmla="*/ 2147483647 h 121"/>
                  <a:gd name="T12" fmla="*/ 2147483647 w 157"/>
                  <a:gd name="T13" fmla="*/ 2147483647 h 121"/>
                  <a:gd name="T14" fmla="*/ 2147483647 w 157"/>
                  <a:gd name="T15" fmla="*/ 2147483647 h 121"/>
                  <a:gd name="T16" fmla="*/ 2147483647 w 157"/>
                  <a:gd name="T17" fmla="*/ 0 h 121"/>
                  <a:gd name="T18" fmla="*/ 0 w 157"/>
                  <a:gd name="T19" fmla="*/ 2147483647 h 121"/>
                  <a:gd name="T20" fmla="*/ 2147483647 w 157"/>
                  <a:gd name="T21" fmla="*/ 2147483647 h 121"/>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157"/>
                  <a:gd name="T34" fmla="*/ 0 h 121"/>
                  <a:gd name="T35" fmla="*/ 157 w 157"/>
                  <a:gd name="T36" fmla="*/ 121 h 121"/>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157" h="121">
                    <a:moveTo>
                      <a:pt x="26" y="112"/>
                    </a:moveTo>
                    <a:lnTo>
                      <a:pt x="69" y="120"/>
                    </a:lnTo>
                    <a:lnTo>
                      <a:pt x="139" y="120"/>
                    </a:lnTo>
                    <a:lnTo>
                      <a:pt x="156" y="104"/>
                    </a:lnTo>
                    <a:lnTo>
                      <a:pt x="156" y="64"/>
                    </a:lnTo>
                    <a:lnTo>
                      <a:pt x="139" y="56"/>
                    </a:lnTo>
                    <a:lnTo>
                      <a:pt x="139" y="32"/>
                    </a:lnTo>
                    <a:lnTo>
                      <a:pt x="156" y="24"/>
                    </a:lnTo>
                    <a:lnTo>
                      <a:pt x="147" y="0"/>
                    </a:lnTo>
                    <a:lnTo>
                      <a:pt x="0" y="80"/>
                    </a:lnTo>
                    <a:lnTo>
                      <a:pt x="26" y="112"/>
                    </a:lnTo>
                  </a:path>
                </a:pathLst>
              </a:custGeom>
              <a:solidFill>
                <a:srgbClr val="CBCBCB"/>
              </a:solidFill>
              <a:ln w="12700">
                <a:solidFill>
                  <a:schemeClr val="bg1"/>
                </a:solidFill>
                <a:round/>
                <a:headEnd/>
                <a:tailEnd/>
              </a:ln>
            </p:spPr>
            <p:txBody>
              <a:bodyPr/>
              <a:lstStyle/>
              <a:p>
                <a:endParaRPr lang="de-CH" dirty="0"/>
              </a:p>
            </p:txBody>
          </p:sp>
          <p:sp>
            <p:nvSpPr>
              <p:cNvPr id="75" name="Freeform 110"/>
              <p:cNvSpPr>
                <a:spLocks/>
              </p:cNvSpPr>
              <p:nvPr/>
            </p:nvSpPr>
            <p:spPr bwMode="auto">
              <a:xfrm>
                <a:off x="1201" y="2294"/>
                <a:ext cx="658" cy="885"/>
              </a:xfrm>
              <a:custGeom>
                <a:avLst/>
                <a:gdLst>
                  <a:gd name="T0" fmla="*/ 2147483647 w 503"/>
                  <a:gd name="T1" fmla="*/ 2147483647 h 673"/>
                  <a:gd name="T2" fmla="*/ 2147483647 w 503"/>
                  <a:gd name="T3" fmla="*/ 2147483647 h 673"/>
                  <a:gd name="T4" fmla="*/ 2147483647 w 503"/>
                  <a:gd name="T5" fmla="*/ 2147483647 h 673"/>
                  <a:gd name="T6" fmla="*/ 2147483647 w 503"/>
                  <a:gd name="T7" fmla="*/ 2147483647 h 673"/>
                  <a:gd name="T8" fmla="*/ 2147483647 w 503"/>
                  <a:gd name="T9" fmla="*/ 2147483647 h 673"/>
                  <a:gd name="T10" fmla="*/ 2147483647 w 503"/>
                  <a:gd name="T11" fmla="*/ 2147483647 h 673"/>
                  <a:gd name="T12" fmla="*/ 2147483647 w 503"/>
                  <a:gd name="T13" fmla="*/ 2147483647 h 673"/>
                  <a:gd name="T14" fmla="*/ 0 w 503"/>
                  <a:gd name="T15" fmla="*/ 2147483647 h 673"/>
                  <a:gd name="T16" fmla="*/ 0 w 503"/>
                  <a:gd name="T17" fmla="*/ 2147483647 h 673"/>
                  <a:gd name="T18" fmla="*/ 2147483647 w 503"/>
                  <a:gd name="T19" fmla="*/ 2147483647 h 673"/>
                  <a:gd name="T20" fmla="*/ 2147483647 w 503"/>
                  <a:gd name="T21" fmla="*/ 2147483647 h 673"/>
                  <a:gd name="T22" fmla="*/ 2147483647 w 503"/>
                  <a:gd name="T23" fmla="*/ 2147483647 h 673"/>
                  <a:gd name="T24" fmla="*/ 2147483647 w 503"/>
                  <a:gd name="T25" fmla="*/ 2147483647 h 673"/>
                  <a:gd name="T26" fmla="*/ 2147483647 w 503"/>
                  <a:gd name="T27" fmla="*/ 2147483647 h 673"/>
                  <a:gd name="T28" fmla="*/ 0 w 503"/>
                  <a:gd name="T29" fmla="*/ 2147483647 h 673"/>
                  <a:gd name="T30" fmla="*/ 2147483647 w 503"/>
                  <a:gd name="T31" fmla="*/ 2147483647 h 673"/>
                  <a:gd name="T32" fmla="*/ 2147483647 w 503"/>
                  <a:gd name="T33" fmla="*/ 2147483647 h 673"/>
                  <a:gd name="T34" fmla="*/ 2147483647 w 503"/>
                  <a:gd name="T35" fmla="*/ 2147483647 h 673"/>
                  <a:gd name="T36" fmla="*/ 2147483647 w 503"/>
                  <a:gd name="T37" fmla="*/ 2147483647 h 673"/>
                  <a:gd name="T38" fmla="*/ 2147483647 w 503"/>
                  <a:gd name="T39" fmla="*/ 2147483647 h 673"/>
                  <a:gd name="T40" fmla="*/ 2147483647 w 503"/>
                  <a:gd name="T41" fmla="*/ 2147483647 h 673"/>
                  <a:gd name="T42" fmla="*/ 2147483647 w 503"/>
                  <a:gd name="T43" fmla="*/ 2147483647 h 673"/>
                  <a:gd name="T44" fmla="*/ 2147483647 w 503"/>
                  <a:gd name="T45" fmla="*/ 2147483647 h 673"/>
                  <a:gd name="T46" fmla="*/ 2147483647 w 503"/>
                  <a:gd name="T47" fmla="*/ 2147483647 h 673"/>
                  <a:gd name="T48" fmla="*/ 2147483647 w 503"/>
                  <a:gd name="T49" fmla="*/ 2147483647 h 673"/>
                  <a:gd name="T50" fmla="*/ 2147483647 w 503"/>
                  <a:gd name="T51" fmla="*/ 2147483647 h 673"/>
                  <a:gd name="T52" fmla="*/ 2147483647 w 503"/>
                  <a:gd name="T53" fmla="*/ 2147483647 h 673"/>
                  <a:gd name="T54" fmla="*/ 2147483647 w 503"/>
                  <a:gd name="T55" fmla="*/ 2147483647 h 673"/>
                  <a:gd name="T56" fmla="*/ 2147483647 w 503"/>
                  <a:gd name="T57" fmla="*/ 2147483647 h 673"/>
                  <a:gd name="T58" fmla="*/ 2147483647 w 503"/>
                  <a:gd name="T59" fmla="*/ 2147483647 h 673"/>
                  <a:gd name="T60" fmla="*/ 2147483647 w 503"/>
                  <a:gd name="T61" fmla="*/ 2147483647 h 673"/>
                  <a:gd name="T62" fmla="*/ 2147483647 w 503"/>
                  <a:gd name="T63" fmla="*/ 2147483647 h 673"/>
                  <a:gd name="T64" fmla="*/ 2147483647 w 503"/>
                  <a:gd name="T65" fmla="*/ 2147483647 h 673"/>
                  <a:gd name="T66" fmla="*/ 2147483647 w 503"/>
                  <a:gd name="T67" fmla="*/ 2147483647 h 673"/>
                  <a:gd name="T68" fmla="*/ 2147483647 w 503"/>
                  <a:gd name="T69" fmla="*/ 2147483647 h 673"/>
                  <a:gd name="T70" fmla="*/ 2147483647 w 503"/>
                  <a:gd name="T71" fmla="*/ 2147483647 h 673"/>
                  <a:gd name="T72" fmla="*/ 2147483647 w 503"/>
                  <a:gd name="T73" fmla="*/ 2147483647 h 673"/>
                  <a:gd name="T74" fmla="*/ 2147483647 w 503"/>
                  <a:gd name="T75" fmla="*/ 2147483647 h 673"/>
                  <a:gd name="T76" fmla="*/ 2147483647 w 503"/>
                  <a:gd name="T77" fmla="*/ 2147483647 h 673"/>
                  <a:gd name="T78" fmla="*/ 2147483647 w 503"/>
                  <a:gd name="T79" fmla="*/ 2147483647 h 673"/>
                  <a:gd name="T80" fmla="*/ 2147483647 w 503"/>
                  <a:gd name="T81" fmla="*/ 0 h 673"/>
                  <a:gd name="T82" fmla="*/ 2147483647 w 503"/>
                  <a:gd name="T83" fmla="*/ 2147483647 h 673"/>
                  <a:gd name="T84" fmla="*/ 2147483647 w 503"/>
                  <a:gd name="T85" fmla="*/ 2147483647 h 673"/>
                  <a:gd name="T86" fmla="*/ 2147483647 w 503"/>
                  <a:gd name="T87" fmla="*/ 2147483647 h 673"/>
                  <a:gd name="T88" fmla="*/ 2147483647 w 503"/>
                  <a:gd name="T89" fmla="*/ 2147483647 h 673"/>
                  <a:gd name="T90" fmla="*/ 2147483647 w 503"/>
                  <a:gd name="T91" fmla="*/ 2147483647 h 673"/>
                  <a:gd name="T92" fmla="*/ 2147483647 w 503"/>
                  <a:gd name="T93" fmla="*/ 2147483647 h 673"/>
                  <a:gd name="T94" fmla="*/ 2147483647 w 503"/>
                  <a:gd name="T95" fmla="*/ 2147483647 h 673"/>
                  <a:gd name="T96" fmla="*/ 2147483647 w 503"/>
                  <a:gd name="T97" fmla="*/ 2147483647 h 673"/>
                  <a:gd name="T98" fmla="*/ 2147483647 w 503"/>
                  <a:gd name="T99" fmla="*/ 2147483647 h 673"/>
                  <a:gd name="T100" fmla="*/ 2147483647 w 503"/>
                  <a:gd name="T101" fmla="*/ 2147483647 h 673"/>
                  <a:gd name="T102" fmla="*/ 2147483647 w 503"/>
                  <a:gd name="T103" fmla="*/ 2147483647 h 673"/>
                  <a:gd name="T104" fmla="*/ 2147483647 w 503"/>
                  <a:gd name="T105" fmla="*/ 2147483647 h 673"/>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03"/>
                  <a:gd name="T160" fmla="*/ 0 h 673"/>
                  <a:gd name="T161" fmla="*/ 503 w 503"/>
                  <a:gd name="T162" fmla="*/ 673 h 673"/>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03" h="673">
                    <a:moveTo>
                      <a:pt x="156" y="152"/>
                    </a:moveTo>
                    <a:lnTo>
                      <a:pt x="173" y="200"/>
                    </a:lnTo>
                    <a:lnTo>
                      <a:pt x="138" y="256"/>
                    </a:lnTo>
                    <a:lnTo>
                      <a:pt x="104" y="296"/>
                    </a:lnTo>
                    <a:lnTo>
                      <a:pt x="130" y="320"/>
                    </a:lnTo>
                    <a:lnTo>
                      <a:pt x="87" y="376"/>
                    </a:lnTo>
                    <a:lnTo>
                      <a:pt x="43" y="408"/>
                    </a:lnTo>
                    <a:lnTo>
                      <a:pt x="0" y="424"/>
                    </a:lnTo>
                    <a:lnTo>
                      <a:pt x="0" y="472"/>
                    </a:lnTo>
                    <a:lnTo>
                      <a:pt x="9" y="504"/>
                    </a:lnTo>
                    <a:lnTo>
                      <a:pt x="52" y="512"/>
                    </a:lnTo>
                    <a:lnTo>
                      <a:pt x="87" y="536"/>
                    </a:lnTo>
                    <a:lnTo>
                      <a:pt x="43" y="568"/>
                    </a:lnTo>
                    <a:lnTo>
                      <a:pt x="17" y="568"/>
                    </a:lnTo>
                    <a:lnTo>
                      <a:pt x="0" y="576"/>
                    </a:lnTo>
                    <a:lnTo>
                      <a:pt x="43" y="616"/>
                    </a:lnTo>
                    <a:lnTo>
                      <a:pt x="87" y="584"/>
                    </a:lnTo>
                    <a:lnTo>
                      <a:pt x="130" y="600"/>
                    </a:lnTo>
                    <a:lnTo>
                      <a:pt x="147" y="632"/>
                    </a:lnTo>
                    <a:lnTo>
                      <a:pt x="147" y="664"/>
                    </a:lnTo>
                    <a:lnTo>
                      <a:pt x="173" y="672"/>
                    </a:lnTo>
                    <a:lnTo>
                      <a:pt x="225" y="624"/>
                    </a:lnTo>
                    <a:lnTo>
                      <a:pt x="260" y="616"/>
                    </a:lnTo>
                    <a:lnTo>
                      <a:pt x="303" y="576"/>
                    </a:lnTo>
                    <a:lnTo>
                      <a:pt x="389" y="536"/>
                    </a:lnTo>
                    <a:lnTo>
                      <a:pt x="450" y="496"/>
                    </a:lnTo>
                    <a:lnTo>
                      <a:pt x="459" y="432"/>
                    </a:lnTo>
                    <a:lnTo>
                      <a:pt x="502" y="416"/>
                    </a:lnTo>
                    <a:lnTo>
                      <a:pt x="502" y="384"/>
                    </a:lnTo>
                    <a:lnTo>
                      <a:pt x="459" y="344"/>
                    </a:lnTo>
                    <a:lnTo>
                      <a:pt x="441" y="328"/>
                    </a:lnTo>
                    <a:lnTo>
                      <a:pt x="450" y="264"/>
                    </a:lnTo>
                    <a:lnTo>
                      <a:pt x="467" y="208"/>
                    </a:lnTo>
                    <a:lnTo>
                      <a:pt x="450" y="184"/>
                    </a:lnTo>
                    <a:lnTo>
                      <a:pt x="502" y="160"/>
                    </a:lnTo>
                    <a:lnTo>
                      <a:pt x="485" y="136"/>
                    </a:lnTo>
                    <a:lnTo>
                      <a:pt x="407" y="128"/>
                    </a:lnTo>
                    <a:lnTo>
                      <a:pt x="372" y="120"/>
                    </a:lnTo>
                    <a:lnTo>
                      <a:pt x="355" y="64"/>
                    </a:lnTo>
                    <a:lnTo>
                      <a:pt x="389" y="40"/>
                    </a:lnTo>
                    <a:lnTo>
                      <a:pt x="372" y="0"/>
                    </a:lnTo>
                    <a:lnTo>
                      <a:pt x="355" y="8"/>
                    </a:lnTo>
                    <a:lnTo>
                      <a:pt x="320" y="24"/>
                    </a:lnTo>
                    <a:lnTo>
                      <a:pt x="277" y="32"/>
                    </a:lnTo>
                    <a:lnTo>
                      <a:pt x="251" y="32"/>
                    </a:lnTo>
                    <a:lnTo>
                      <a:pt x="251" y="72"/>
                    </a:lnTo>
                    <a:lnTo>
                      <a:pt x="260" y="112"/>
                    </a:lnTo>
                    <a:lnTo>
                      <a:pt x="251" y="144"/>
                    </a:lnTo>
                    <a:lnTo>
                      <a:pt x="225" y="160"/>
                    </a:lnTo>
                    <a:lnTo>
                      <a:pt x="208" y="120"/>
                    </a:lnTo>
                    <a:lnTo>
                      <a:pt x="164" y="80"/>
                    </a:lnTo>
                    <a:lnTo>
                      <a:pt x="138" y="104"/>
                    </a:lnTo>
                    <a:lnTo>
                      <a:pt x="156" y="152"/>
                    </a:lnTo>
                  </a:path>
                </a:pathLst>
              </a:custGeom>
              <a:solidFill>
                <a:srgbClr val="808080"/>
              </a:solidFill>
              <a:ln w="12700" cap="rnd">
                <a:solidFill>
                  <a:schemeClr val="bg1"/>
                </a:solidFill>
                <a:round/>
                <a:headEnd/>
                <a:tailEnd/>
              </a:ln>
            </p:spPr>
            <p:txBody>
              <a:bodyPr/>
              <a:lstStyle/>
              <a:p>
                <a:endParaRPr lang="de-CH" dirty="0"/>
              </a:p>
            </p:txBody>
          </p:sp>
          <p:sp>
            <p:nvSpPr>
              <p:cNvPr id="76" name="Freeform 111"/>
              <p:cNvSpPr>
                <a:spLocks/>
              </p:cNvSpPr>
              <p:nvPr/>
            </p:nvSpPr>
            <p:spPr bwMode="auto">
              <a:xfrm>
                <a:off x="1995" y="1767"/>
                <a:ext cx="92" cy="43"/>
              </a:xfrm>
              <a:custGeom>
                <a:avLst/>
                <a:gdLst>
                  <a:gd name="T0" fmla="*/ 2147483647 w 70"/>
                  <a:gd name="T1" fmla="*/ 2147483647 h 33"/>
                  <a:gd name="T2" fmla="*/ 2147483647 w 70"/>
                  <a:gd name="T3" fmla="*/ 0 h 33"/>
                  <a:gd name="T4" fmla="*/ 0 w 70"/>
                  <a:gd name="T5" fmla="*/ 2147483647 h 33"/>
                  <a:gd name="T6" fmla="*/ 2147483647 w 70"/>
                  <a:gd name="T7" fmla="*/ 2147483647 h 33"/>
                  <a:gd name="T8" fmla="*/ 2147483647 w 70"/>
                  <a:gd name="T9" fmla="*/ 2147483647 h 33"/>
                  <a:gd name="T10" fmla="*/ 2147483647 w 70"/>
                  <a:gd name="T11" fmla="*/ 2147483647 h 33"/>
                  <a:gd name="T12" fmla="*/ 0 60000 65536"/>
                  <a:gd name="T13" fmla="*/ 0 60000 65536"/>
                  <a:gd name="T14" fmla="*/ 0 60000 65536"/>
                  <a:gd name="T15" fmla="*/ 0 60000 65536"/>
                  <a:gd name="T16" fmla="*/ 0 60000 65536"/>
                  <a:gd name="T17" fmla="*/ 0 60000 65536"/>
                  <a:gd name="T18" fmla="*/ 0 w 70"/>
                  <a:gd name="T19" fmla="*/ 0 h 33"/>
                  <a:gd name="T20" fmla="*/ 70 w 70"/>
                  <a:gd name="T21" fmla="*/ 33 h 33"/>
                </a:gdLst>
                <a:ahLst/>
                <a:cxnLst>
                  <a:cxn ang="T12">
                    <a:pos x="T0" y="T1"/>
                  </a:cxn>
                  <a:cxn ang="T13">
                    <a:pos x="T2" y="T3"/>
                  </a:cxn>
                  <a:cxn ang="T14">
                    <a:pos x="T4" y="T5"/>
                  </a:cxn>
                  <a:cxn ang="T15">
                    <a:pos x="T6" y="T7"/>
                  </a:cxn>
                  <a:cxn ang="T16">
                    <a:pos x="T8" y="T9"/>
                  </a:cxn>
                  <a:cxn ang="T17">
                    <a:pos x="T10" y="T11"/>
                  </a:cxn>
                </a:cxnLst>
                <a:rect l="T18" t="T19" r="T20" b="T21"/>
                <a:pathLst>
                  <a:path w="70" h="33">
                    <a:moveTo>
                      <a:pt x="69" y="8"/>
                    </a:moveTo>
                    <a:lnTo>
                      <a:pt x="26" y="0"/>
                    </a:lnTo>
                    <a:lnTo>
                      <a:pt x="0" y="16"/>
                    </a:lnTo>
                    <a:lnTo>
                      <a:pt x="26" y="32"/>
                    </a:lnTo>
                    <a:lnTo>
                      <a:pt x="60" y="32"/>
                    </a:lnTo>
                    <a:lnTo>
                      <a:pt x="69" y="8"/>
                    </a:lnTo>
                  </a:path>
                </a:pathLst>
              </a:custGeom>
              <a:solidFill>
                <a:srgbClr val="CBCBCB"/>
              </a:solidFill>
              <a:ln w="12700" cap="rnd">
                <a:solidFill>
                  <a:schemeClr val="bg1"/>
                </a:solidFill>
                <a:round/>
                <a:headEnd/>
                <a:tailEnd/>
              </a:ln>
            </p:spPr>
            <p:txBody>
              <a:bodyPr/>
              <a:lstStyle/>
              <a:p>
                <a:endParaRPr lang="de-CH" dirty="0"/>
              </a:p>
            </p:txBody>
          </p:sp>
          <p:sp>
            <p:nvSpPr>
              <p:cNvPr id="77" name="Freeform 112"/>
              <p:cNvSpPr>
                <a:spLocks/>
              </p:cNvSpPr>
              <p:nvPr/>
            </p:nvSpPr>
            <p:spPr bwMode="auto">
              <a:xfrm>
                <a:off x="1916" y="1420"/>
                <a:ext cx="613" cy="348"/>
              </a:xfrm>
              <a:custGeom>
                <a:avLst/>
                <a:gdLst>
                  <a:gd name="T0" fmla="*/ 2147483647 w 469"/>
                  <a:gd name="T1" fmla="*/ 2147483647 h 265"/>
                  <a:gd name="T2" fmla="*/ 2147483647 w 469"/>
                  <a:gd name="T3" fmla="*/ 2147483647 h 265"/>
                  <a:gd name="T4" fmla="*/ 2147483647 w 469"/>
                  <a:gd name="T5" fmla="*/ 2147483647 h 265"/>
                  <a:gd name="T6" fmla="*/ 2147483647 w 469"/>
                  <a:gd name="T7" fmla="*/ 2147483647 h 265"/>
                  <a:gd name="T8" fmla="*/ 2147483647 w 469"/>
                  <a:gd name="T9" fmla="*/ 2147483647 h 265"/>
                  <a:gd name="T10" fmla="*/ 2147483647 w 469"/>
                  <a:gd name="T11" fmla="*/ 2147483647 h 265"/>
                  <a:gd name="T12" fmla="*/ 0 w 469"/>
                  <a:gd name="T13" fmla="*/ 2147483647 h 265"/>
                  <a:gd name="T14" fmla="*/ 2147483647 w 469"/>
                  <a:gd name="T15" fmla="*/ 2147483647 h 265"/>
                  <a:gd name="T16" fmla="*/ 2147483647 w 469"/>
                  <a:gd name="T17" fmla="*/ 2147483647 h 265"/>
                  <a:gd name="T18" fmla="*/ 2147483647 w 469"/>
                  <a:gd name="T19" fmla="*/ 2147483647 h 265"/>
                  <a:gd name="T20" fmla="*/ 2147483647 w 469"/>
                  <a:gd name="T21" fmla="*/ 2147483647 h 265"/>
                  <a:gd name="T22" fmla="*/ 2147483647 w 469"/>
                  <a:gd name="T23" fmla="*/ 2147483647 h 265"/>
                  <a:gd name="T24" fmla="*/ 2147483647 w 469"/>
                  <a:gd name="T25" fmla="*/ 2147483647 h 265"/>
                  <a:gd name="T26" fmla="*/ 2147483647 w 469"/>
                  <a:gd name="T27" fmla="*/ 2147483647 h 265"/>
                  <a:gd name="T28" fmla="*/ 2147483647 w 469"/>
                  <a:gd name="T29" fmla="*/ 2147483647 h 265"/>
                  <a:gd name="T30" fmla="*/ 2147483647 w 469"/>
                  <a:gd name="T31" fmla="*/ 2147483647 h 265"/>
                  <a:gd name="T32" fmla="*/ 2147483647 w 469"/>
                  <a:gd name="T33" fmla="*/ 2147483647 h 265"/>
                  <a:gd name="T34" fmla="*/ 2147483647 w 469"/>
                  <a:gd name="T35" fmla="*/ 2147483647 h 265"/>
                  <a:gd name="T36" fmla="*/ 2147483647 w 469"/>
                  <a:gd name="T37" fmla="*/ 2147483647 h 265"/>
                  <a:gd name="T38" fmla="*/ 2147483647 w 469"/>
                  <a:gd name="T39" fmla="*/ 2147483647 h 265"/>
                  <a:gd name="T40" fmla="*/ 2147483647 w 469"/>
                  <a:gd name="T41" fmla="*/ 2147483647 h 265"/>
                  <a:gd name="T42" fmla="*/ 2147483647 w 469"/>
                  <a:gd name="T43" fmla="*/ 2147483647 h 265"/>
                  <a:gd name="T44" fmla="*/ 2147483647 w 469"/>
                  <a:gd name="T45" fmla="*/ 2147483647 h 265"/>
                  <a:gd name="T46" fmla="*/ 2147483647 w 469"/>
                  <a:gd name="T47" fmla="*/ 2147483647 h 265"/>
                  <a:gd name="T48" fmla="*/ 2147483647 w 469"/>
                  <a:gd name="T49" fmla="*/ 2147483647 h 265"/>
                  <a:gd name="T50" fmla="*/ 2147483647 w 469"/>
                  <a:gd name="T51" fmla="*/ 2147483647 h 265"/>
                  <a:gd name="T52" fmla="*/ 2147483647 w 469"/>
                  <a:gd name="T53" fmla="*/ 2147483647 h 265"/>
                  <a:gd name="T54" fmla="*/ 2147483647 w 469"/>
                  <a:gd name="T55" fmla="*/ 2147483647 h 265"/>
                  <a:gd name="T56" fmla="*/ 2147483647 w 469"/>
                  <a:gd name="T57" fmla="*/ 2147483647 h 265"/>
                  <a:gd name="T58" fmla="*/ 2147483647 w 469"/>
                  <a:gd name="T59" fmla="*/ 2147483647 h 265"/>
                  <a:gd name="T60" fmla="*/ 2147483647 w 469"/>
                  <a:gd name="T61" fmla="*/ 2147483647 h 265"/>
                  <a:gd name="T62" fmla="*/ 2147483647 w 469"/>
                  <a:gd name="T63" fmla="*/ 2147483647 h 265"/>
                  <a:gd name="T64" fmla="*/ 2147483647 w 469"/>
                  <a:gd name="T65" fmla="*/ 2147483647 h 265"/>
                  <a:gd name="T66" fmla="*/ 2147483647 w 469"/>
                  <a:gd name="T67" fmla="*/ 2147483647 h 265"/>
                  <a:gd name="T68" fmla="*/ 2147483647 w 469"/>
                  <a:gd name="T69" fmla="*/ 2147483647 h 265"/>
                  <a:gd name="T70" fmla="*/ 2147483647 w 469"/>
                  <a:gd name="T71" fmla="*/ 2147483647 h 265"/>
                  <a:gd name="T72" fmla="*/ 2147483647 w 469"/>
                  <a:gd name="T73" fmla="*/ 2147483647 h 265"/>
                  <a:gd name="T74" fmla="*/ 2147483647 w 469"/>
                  <a:gd name="T75" fmla="*/ 2147483647 h 265"/>
                  <a:gd name="T76" fmla="*/ 2147483647 w 469"/>
                  <a:gd name="T77" fmla="*/ 2147483647 h 265"/>
                  <a:gd name="T78" fmla="*/ 2147483647 w 469"/>
                  <a:gd name="T79" fmla="*/ 2147483647 h 265"/>
                  <a:gd name="T80" fmla="*/ 2147483647 w 469"/>
                  <a:gd name="T81" fmla="*/ 2147483647 h 265"/>
                  <a:gd name="T82" fmla="*/ 2147483647 w 469"/>
                  <a:gd name="T83" fmla="*/ 2147483647 h 265"/>
                  <a:gd name="T84" fmla="*/ 2147483647 w 469"/>
                  <a:gd name="T85" fmla="*/ 2147483647 h 265"/>
                  <a:gd name="T86" fmla="*/ 2147483647 w 469"/>
                  <a:gd name="T87" fmla="*/ 2147483647 h 265"/>
                  <a:gd name="T88" fmla="*/ 2147483647 w 469"/>
                  <a:gd name="T89" fmla="*/ 2147483647 h 265"/>
                  <a:gd name="T90" fmla="*/ 2147483647 w 469"/>
                  <a:gd name="T91" fmla="*/ 2147483647 h 265"/>
                  <a:gd name="T92" fmla="*/ 2147483647 w 469"/>
                  <a:gd name="T93" fmla="*/ 2147483647 h 265"/>
                  <a:gd name="T94" fmla="*/ 2147483647 w 469"/>
                  <a:gd name="T95" fmla="*/ 2147483647 h 265"/>
                  <a:gd name="T96" fmla="*/ 2147483647 w 469"/>
                  <a:gd name="T97" fmla="*/ 2147483647 h 265"/>
                  <a:gd name="T98" fmla="*/ 2147483647 w 469"/>
                  <a:gd name="T99" fmla="*/ 2147483647 h 265"/>
                  <a:gd name="T100" fmla="*/ 2147483647 w 469"/>
                  <a:gd name="T101" fmla="*/ 2147483647 h 265"/>
                  <a:gd name="T102" fmla="*/ 2147483647 w 469"/>
                  <a:gd name="T103" fmla="*/ 2147483647 h 265"/>
                  <a:gd name="T104" fmla="*/ 2147483647 w 469"/>
                  <a:gd name="T105" fmla="*/ 2147483647 h 265"/>
                  <a:gd name="T106" fmla="*/ 2147483647 w 469"/>
                  <a:gd name="T107" fmla="*/ 0 h 265"/>
                  <a:gd name="T108" fmla="*/ 2147483647 w 469"/>
                  <a:gd name="T109" fmla="*/ 2147483647 h 265"/>
                  <a:gd name="T110" fmla="*/ 2147483647 w 469"/>
                  <a:gd name="T111" fmla="*/ 2147483647 h 265"/>
                  <a:gd name="T112" fmla="*/ 2147483647 w 469"/>
                  <a:gd name="T113" fmla="*/ 2147483647 h 265"/>
                  <a:gd name="T114" fmla="*/ 2147483647 w 469"/>
                  <a:gd name="T115" fmla="*/ 2147483647 h 265"/>
                  <a:gd name="T116" fmla="*/ 2147483647 w 469"/>
                  <a:gd name="T117" fmla="*/ 2147483647 h 265"/>
                  <a:gd name="T118" fmla="*/ 2147483647 w 469"/>
                  <a:gd name="T119" fmla="*/ 2147483647 h 265"/>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469"/>
                  <a:gd name="T181" fmla="*/ 0 h 265"/>
                  <a:gd name="T182" fmla="*/ 469 w 469"/>
                  <a:gd name="T183" fmla="*/ 265 h 265"/>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469" h="265">
                    <a:moveTo>
                      <a:pt x="14" y="117"/>
                    </a:moveTo>
                    <a:lnTo>
                      <a:pt x="17" y="144"/>
                    </a:lnTo>
                    <a:lnTo>
                      <a:pt x="9" y="152"/>
                    </a:lnTo>
                    <a:lnTo>
                      <a:pt x="17" y="176"/>
                    </a:lnTo>
                    <a:lnTo>
                      <a:pt x="35" y="176"/>
                    </a:lnTo>
                    <a:lnTo>
                      <a:pt x="9" y="192"/>
                    </a:lnTo>
                    <a:lnTo>
                      <a:pt x="0" y="200"/>
                    </a:lnTo>
                    <a:lnTo>
                      <a:pt x="9" y="232"/>
                    </a:lnTo>
                    <a:lnTo>
                      <a:pt x="26" y="232"/>
                    </a:lnTo>
                    <a:lnTo>
                      <a:pt x="35" y="208"/>
                    </a:lnTo>
                    <a:lnTo>
                      <a:pt x="61" y="208"/>
                    </a:lnTo>
                    <a:lnTo>
                      <a:pt x="61" y="224"/>
                    </a:lnTo>
                    <a:lnTo>
                      <a:pt x="78" y="224"/>
                    </a:lnTo>
                    <a:lnTo>
                      <a:pt x="104" y="216"/>
                    </a:lnTo>
                    <a:lnTo>
                      <a:pt x="104" y="224"/>
                    </a:lnTo>
                    <a:lnTo>
                      <a:pt x="113" y="224"/>
                    </a:lnTo>
                    <a:lnTo>
                      <a:pt x="113" y="208"/>
                    </a:lnTo>
                    <a:lnTo>
                      <a:pt x="139" y="200"/>
                    </a:lnTo>
                    <a:lnTo>
                      <a:pt x="139" y="208"/>
                    </a:lnTo>
                    <a:lnTo>
                      <a:pt x="147" y="216"/>
                    </a:lnTo>
                    <a:lnTo>
                      <a:pt x="147" y="192"/>
                    </a:lnTo>
                    <a:lnTo>
                      <a:pt x="173" y="176"/>
                    </a:lnTo>
                    <a:lnTo>
                      <a:pt x="173" y="152"/>
                    </a:lnTo>
                    <a:lnTo>
                      <a:pt x="165" y="120"/>
                    </a:lnTo>
                    <a:lnTo>
                      <a:pt x="165" y="88"/>
                    </a:lnTo>
                    <a:lnTo>
                      <a:pt x="199" y="80"/>
                    </a:lnTo>
                    <a:lnTo>
                      <a:pt x="269" y="104"/>
                    </a:lnTo>
                    <a:lnTo>
                      <a:pt x="269" y="136"/>
                    </a:lnTo>
                    <a:lnTo>
                      <a:pt x="243" y="176"/>
                    </a:lnTo>
                    <a:lnTo>
                      <a:pt x="208" y="184"/>
                    </a:lnTo>
                    <a:lnTo>
                      <a:pt x="199" y="208"/>
                    </a:lnTo>
                    <a:lnTo>
                      <a:pt x="199" y="240"/>
                    </a:lnTo>
                    <a:lnTo>
                      <a:pt x="243" y="232"/>
                    </a:lnTo>
                    <a:lnTo>
                      <a:pt x="269" y="224"/>
                    </a:lnTo>
                    <a:lnTo>
                      <a:pt x="321" y="264"/>
                    </a:lnTo>
                    <a:lnTo>
                      <a:pt x="338" y="264"/>
                    </a:lnTo>
                    <a:lnTo>
                      <a:pt x="399" y="208"/>
                    </a:lnTo>
                    <a:lnTo>
                      <a:pt x="468" y="184"/>
                    </a:lnTo>
                    <a:lnTo>
                      <a:pt x="468" y="112"/>
                    </a:lnTo>
                    <a:lnTo>
                      <a:pt x="433" y="88"/>
                    </a:lnTo>
                    <a:lnTo>
                      <a:pt x="416" y="72"/>
                    </a:lnTo>
                    <a:lnTo>
                      <a:pt x="373" y="40"/>
                    </a:lnTo>
                    <a:lnTo>
                      <a:pt x="364" y="40"/>
                    </a:lnTo>
                    <a:lnTo>
                      <a:pt x="347" y="72"/>
                    </a:lnTo>
                    <a:lnTo>
                      <a:pt x="338" y="88"/>
                    </a:lnTo>
                    <a:lnTo>
                      <a:pt x="321" y="56"/>
                    </a:lnTo>
                    <a:lnTo>
                      <a:pt x="303" y="48"/>
                    </a:lnTo>
                    <a:lnTo>
                      <a:pt x="277" y="24"/>
                    </a:lnTo>
                    <a:lnTo>
                      <a:pt x="225" y="24"/>
                    </a:lnTo>
                    <a:lnTo>
                      <a:pt x="191" y="8"/>
                    </a:lnTo>
                    <a:lnTo>
                      <a:pt x="173" y="32"/>
                    </a:lnTo>
                    <a:lnTo>
                      <a:pt x="147" y="48"/>
                    </a:lnTo>
                    <a:lnTo>
                      <a:pt x="130" y="24"/>
                    </a:lnTo>
                    <a:lnTo>
                      <a:pt x="113" y="0"/>
                    </a:lnTo>
                    <a:lnTo>
                      <a:pt x="78" y="40"/>
                    </a:lnTo>
                    <a:lnTo>
                      <a:pt x="87" y="72"/>
                    </a:lnTo>
                    <a:lnTo>
                      <a:pt x="69" y="96"/>
                    </a:lnTo>
                    <a:lnTo>
                      <a:pt x="61" y="96"/>
                    </a:lnTo>
                    <a:lnTo>
                      <a:pt x="46" y="107"/>
                    </a:lnTo>
                    <a:lnTo>
                      <a:pt x="14" y="117"/>
                    </a:lnTo>
                  </a:path>
                </a:pathLst>
              </a:custGeom>
              <a:solidFill>
                <a:srgbClr val="808080"/>
              </a:solidFill>
              <a:ln w="12700" cap="rnd">
                <a:solidFill>
                  <a:schemeClr val="bg1"/>
                </a:solidFill>
                <a:round/>
                <a:headEnd/>
                <a:tailEnd/>
              </a:ln>
            </p:spPr>
            <p:txBody>
              <a:bodyPr/>
              <a:lstStyle/>
              <a:p>
                <a:endParaRPr lang="de-CH" dirty="0"/>
              </a:p>
            </p:txBody>
          </p:sp>
          <p:sp>
            <p:nvSpPr>
              <p:cNvPr id="78" name="Freeform 113"/>
              <p:cNvSpPr>
                <a:spLocks/>
              </p:cNvSpPr>
              <p:nvPr/>
            </p:nvSpPr>
            <p:spPr bwMode="auto">
              <a:xfrm>
                <a:off x="2278" y="1314"/>
                <a:ext cx="807" cy="760"/>
              </a:xfrm>
              <a:custGeom>
                <a:avLst/>
                <a:gdLst>
                  <a:gd name="T0" fmla="*/ 2147483647 w 617"/>
                  <a:gd name="T1" fmla="*/ 2147483647 h 577"/>
                  <a:gd name="T2" fmla="*/ 2147483647 w 617"/>
                  <a:gd name="T3" fmla="*/ 2147483647 h 577"/>
                  <a:gd name="T4" fmla="*/ 2147483647 w 617"/>
                  <a:gd name="T5" fmla="*/ 2147483647 h 577"/>
                  <a:gd name="T6" fmla="*/ 2147483647 w 617"/>
                  <a:gd name="T7" fmla="*/ 0 h 577"/>
                  <a:gd name="T8" fmla="*/ 2147483647 w 617"/>
                  <a:gd name="T9" fmla="*/ 2147483647 h 577"/>
                  <a:gd name="T10" fmla="*/ 2147483647 w 617"/>
                  <a:gd name="T11" fmla="*/ 2147483647 h 577"/>
                  <a:gd name="T12" fmla="*/ 2147483647 w 617"/>
                  <a:gd name="T13" fmla="*/ 2147483647 h 577"/>
                  <a:gd name="T14" fmla="*/ 2147483647 w 617"/>
                  <a:gd name="T15" fmla="*/ 2147483647 h 577"/>
                  <a:gd name="T16" fmla="*/ 2147483647 w 617"/>
                  <a:gd name="T17" fmla="*/ 2147483647 h 577"/>
                  <a:gd name="T18" fmla="*/ 2147483647 w 617"/>
                  <a:gd name="T19" fmla="*/ 2147483647 h 577"/>
                  <a:gd name="T20" fmla="*/ 2147483647 w 617"/>
                  <a:gd name="T21" fmla="*/ 2147483647 h 577"/>
                  <a:gd name="T22" fmla="*/ 0 w 617"/>
                  <a:gd name="T23" fmla="*/ 2147483647 h 577"/>
                  <a:gd name="T24" fmla="*/ 2147483647 w 617"/>
                  <a:gd name="T25" fmla="*/ 2147483647 h 577"/>
                  <a:gd name="T26" fmla="*/ 2147483647 w 617"/>
                  <a:gd name="T27" fmla="*/ 2147483647 h 577"/>
                  <a:gd name="T28" fmla="*/ 2147483647 w 617"/>
                  <a:gd name="T29" fmla="*/ 2147483647 h 577"/>
                  <a:gd name="T30" fmla="*/ 2147483647 w 617"/>
                  <a:gd name="T31" fmla="*/ 2147483647 h 577"/>
                  <a:gd name="T32" fmla="*/ 2147483647 w 617"/>
                  <a:gd name="T33" fmla="*/ 2147483647 h 577"/>
                  <a:gd name="T34" fmla="*/ 2147483647 w 617"/>
                  <a:gd name="T35" fmla="*/ 2147483647 h 577"/>
                  <a:gd name="T36" fmla="*/ 2147483647 w 617"/>
                  <a:gd name="T37" fmla="*/ 2147483647 h 577"/>
                  <a:gd name="T38" fmla="*/ 2147483647 w 617"/>
                  <a:gd name="T39" fmla="*/ 2147483647 h 577"/>
                  <a:gd name="T40" fmla="*/ 2147483647 w 617"/>
                  <a:gd name="T41" fmla="*/ 2147483647 h 577"/>
                  <a:gd name="T42" fmla="*/ 2147483647 w 617"/>
                  <a:gd name="T43" fmla="*/ 2147483647 h 577"/>
                  <a:gd name="T44" fmla="*/ 2147483647 w 617"/>
                  <a:gd name="T45" fmla="*/ 2147483647 h 577"/>
                  <a:gd name="T46" fmla="*/ 2147483647 w 617"/>
                  <a:gd name="T47" fmla="*/ 2147483647 h 577"/>
                  <a:gd name="T48" fmla="*/ 2147483647 w 617"/>
                  <a:gd name="T49" fmla="*/ 2147483647 h 577"/>
                  <a:gd name="T50" fmla="*/ 2147483647 w 617"/>
                  <a:gd name="T51" fmla="*/ 2147483647 h 577"/>
                  <a:gd name="T52" fmla="*/ 2147483647 w 617"/>
                  <a:gd name="T53" fmla="*/ 2147483647 h 577"/>
                  <a:gd name="T54" fmla="*/ 2147483647 w 617"/>
                  <a:gd name="T55" fmla="*/ 2147483647 h 577"/>
                  <a:gd name="T56" fmla="*/ 2147483647 w 617"/>
                  <a:gd name="T57" fmla="*/ 2147483647 h 577"/>
                  <a:gd name="T58" fmla="*/ 2147483647 w 617"/>
                  <a:gd name="T59" fmla="*/ 2147483647 h 577"/>
                  <a:gd name="T60" fmla="*/ 2147483647 w 617"/>
                  <a:gd name="T61" fmla="*/ 2147483647 h 577"/>
                  <a:gd name="T62" fmla="*/ 2147483647 w 617"/>
                  <a:gd name="T63" fmla="*/ 2147483647 h 577"/>
                  <a:gd name="T64" fmla="*/ 2147483647 w 617"/>
                  <a:gd name="T65" fmla="*/ 2147483647 h 577"/>
                  <a:gd name="T66" fmla="*/ 2147483647 w 617"/>
                  <a:gd name="T67" fmla="*/ 2147483647 h 577"/>
                  <a:gd name="T68" fmla="*/ 2147483647 w 617"/>
                  <a:gd name="T69" fmla="*/ 2147483647 h 577"/>
                  <a:gd name="T70" fmla="*/ 2147483647 w 617"/>
                  <a:gd name="T71" fmla="*/ 2147483647 h 577"/>
                  <a:gd name="T72" fmla="*/ 2147483647 w 617"/>
                  <a:gd name="T73" fmla="*/ 2147483647 h 577"/>
                  <a:gd name="T74" fmla="*/ 2147483647 w 617"/>
                  <a:gd name="T75" fmla="*/ 2147483647 h 577"/>
                  <a:gd name="T76" fmla="*/ 2147483647 w 617"/>
                  <a:gd name="T77" fmla="*/ 2147483647 h 577"/>
                  <a:gd name="T78" fmla="*/ 2147483647 w 617"/>
                  <a:gd name="T79" fmla="*/ 2147483647 h 577"/>
                  <a:gd name="T80" fmla="*/ 2147483647 w 617"/>
                  <a:gd name="T81" fmla="*/ 2147483647 h 577"/>
                  <a:gd name="T82" fmla="*/ 2147483647 w 617"/>
                  <a:gd name="T83" fmla="*/ 2147483647 h 577"/>
                  <a:gd name="T84" fmla="*/ 2147483647 w 617"/>
                  <a:gd name="T85" fmla="*/ 2147483647 h 577"/>
                  <a:gd name="T86" fmla="*/ 2147483647 w 617"/>
                  <a:gd name="T87" fmla="*/ 2147483647 h 577"/>
                  <a:gd name="T88" fmla="*/ 2147483647 w 617"/>
                  <a:gd name="T89" fmla="*/ 2147483647 h 577"/>
                  <a:gd name="T90" fmla="*/ 2147483647 w 617"/>
                  <a:gd name="T91" fmla="*/ 2147483647 h 577"/>
                  <a:gd name="T92" fmla="*/ 2147483647 w 617"/>
                  <a:gd name="T93" fmla="*/ 2147483647 h 577"/>
                  <a:gd name="T94" fmla="*/ 2147483647 w 617"/>
                  <a:gd name="T95" fmla="*/ 2147483647 h 577"/>
                  <a:gd name="T96" fmla="*/ 2147483647 w 617"/>
                  <a:gd name="T97" fmla="*/ 2147483647 h 577"/>
                  <a:gd name="T98" fmla="*/ 2147483647 w 617"/>
                  <a:gd name="T99" fmla="*/ 2147483647 h 577"/>
                  <a:gd name="T100" fmla="*/ 2147483647 w 617"/>
                  <a:gd name="T101" fmla="*/ 2147483647 h 577"/>
                  <a:gd name="T102" fmla="*/ 2147483647 w 617"/>
                  <a:gd name="T103" fmla="*/ 2147483647 h 577"/>
                  <a:gd name="T104" fmla="*/ 2147483647 w 617"/>
                  <a:gd name="T105" fmla="*/ 2147483647 h 577"/>
                  <a:gd name="T106" fmla="*/ 2147483647 w 617"/>
                  <a:gd name="T107" fmla="*/ 2147483647 h 577"/>
                  <a:gd name="T108" fmla="*/ 2147483647 w 617"/>
                  <a:gd name="T109" fmla="*/ 2147483647 h 577"/>
                  <a:gd name="T110" fmla="*/ 2147483647 w 617"/>
                  <a:gd name="T111" fmla="*/ 2147483647 h 577"/>
                  <a:gd name="T112" fmla="*/ 2147483647 w 617"/>
                  <a:gd name="T113" fmla="*/ 2147483647 h 577"/>
                  <a:gd name="T114" fmla="*/ 2147483647 w 617"/>
                  <a:gd name="T115" fmla="*/ 2147483647 h 577"/>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617"/>
                  <a:gd name="T175" fmla="*/ 0 h 577"/>
                  <a:gd name="T176" fmla="*/ 617 w 617"/>
                  <a:gd name="T177" fmla="*/ 577 h 577"/>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617" h="577">
                    <a:moveTo>
                      <a:pt x="521" y="72"/>
                    </a:moveTo>
                    <a:lnTo>
                      <a:pt x="495" y="8"/>
                    </a:lnTo>
                    <a:lnTo>
                      <a:pt x="442" y="8"/>
                    </a:lnTo>
                    <a:lnTo>
                      <a:pt x="408" y="0"/>
                    </a:lnTo>
                    <a:lnTo>
                      <a:pt x="304" y="72"/>
                    </a:lnTo>
                    <a:lnTo>
                      <a:pt x="243" y="80"/>
                    </a:lnTo>
                    <a:lnTo>
                      <a:pt x="147" y="80"/>
                    </a:lnTo>
                    <a:lnTo>
                      <a:pt x="156" y="40"/>
                    </a:lnTo>
                    <a:lnTo>
                      <a:pt x="95" y="24"/>
                    </a:lnTo>
                    <a:lnTo>
                      <a:pt x="61" y="64"/>
                    </a:lnTo>
                    <a:lnTo>
                      <a:pt x="43" y="96"/>
                    </a:lnTo>
                    <a:lnTo>
                      <a:pt x="0" y="104"/>
                    </a:lnTo>
                    <a:lnTo>
                      <a:pt x="26" y="128"/>
                    </a:lnTo>
                    <a:lnTo>
                      <a:pt x="43" y="136"/>
                    </a:lnTo>
                    <a:lnTo>
                      <a:pt x="61" y="168"/>
                    </a:lnTo>
                    <a:lnTo>
                      <a:pt x="69" y="152"/>
                    </a:lnTo>
                    <a:lnTo>
                      <a:pt x="87" y="120"/>
                    </a:lnTo>
                    <a:lnTo>
                      <a:pt x="95" y="120"/>
                    </a:lnTo>
                    <a:lnTo>
                      <a:pt x="139" y="152"/>
                    </a:lnTo>
                    <a:lnTo>
                      <a:pt x="156" y="168"/>
                    </a:lnTo>
                    <a:lnTo>
                      <a:pt x="191" y="192"/>
                    </a:lnTo>
                    <a:lnTo>
                      <a:pt x="260" y="288"/>
                    </a:lnTo>
                    <a:lnTo>
                      <a:pt x="243" y="328"/>
                    </a:lnTo>
                    <a:lnTo>
                      <a:pt x="208" y="384"/>
                    </a:lnTo>
                    <a:lnTo>
                      <a:pt x="182" y="376"/>
                    </a:lnTo>
                    <a:lnTo>
                      <a:pt x="156" y="344"/>
                    </a:lnTo>
                    <a:lnTo>
                      <a:pt x="147" y="352"/>
                    </a:lnTo>
                    <a:lnTo>
                      <a:pt x="78" y="448"/>
                    </a:lnTo>
                    <a:lnTo>
                      <a:pt x="95" y="488"/>
                    </a:lnTo>
                    <a:lnTo>
                      <a:pt x="104" y="504"/>
                    </a:lnTo>
                    <a:lnTo>
                      <a:pt x="147" y="488"/>
                    </a:lnTo>
                    <a:lnTo>
                      <a:pt x="191" y="448"/>
                    </a:lnTo>
                    <a:lnTo>
                      <a:pt x="174" y="432"/>
                    </a:lnTo>
                    <a:lnTo>
                      <a:pt x="191" y="408"/>
                    </a:lnTo>
                    <a:lnTo>
                      <a:pt x="208" y="416"/>
                    </a:lnTo>
                    <a:lnTo>
                      <a:pt x="226" y="400"/>
                    </a:lnTo>
                    <a:lnTo>
                      <a:pt x="243" y="424"/>
                    </a:lnTo>
                    <a:lnTo>
                      <a:pt x="252" y="464"/>
                    </a:lnTo>
                    <a:lnTo>
                      <a:pt x="295" y="424"/>
                    </a:lnTo>
                    <a:lnTo>
                      <a:pt x="312" y="432"/>
                    </a:lnTo>
                    <a:lnTo>
                      <a:pt x="330" y="456"/>
                    </a:lnTo>
                    <a:lnTo>
                      <a:pt x="356" y="448"/>
                    </a:lnTo>
                    <a:lnTo>
                      <a:pt x="382" y="448"/>
                    </a:lnTo>
                    <a:lnTo>
                      <a:pt x="399" y="456"/>
                    </a:lnTo>
                    <a:lnTo>
                      <a:pt x="425" y="408"/>
                    </a:lnTo>
                    <a:lnTo>
                      <a:pt x="477" y="400"/>
                    </a:lnTo>
                    <a:lnTo>
                      <a:pt x="529" y="552"/>
                    </a:lnTo>
                    <a:lnTo>
                      <a:pt x="590" y="576"/>
                    </a:lnTo>
                    <a:lnTo>
                      <a:pt x="590" y="464"/>
                    </a:lnTo>
                    <a:lnTo>
                      <a:pt x="573" y="424"/>
                    </a:lnTo>
                    <a:lnTo>
                      <a:pt x="581" y="400"/>
                    </a:lnTo>
                    <a:lnTo>
                      <a:pt x="616" y="368"/>
                    </a:lnTo>
                    <a:lnTo>
                      <a:pt x="607" y="352"/>
                    </a:lnTo>
                    <a:lnTo>
                      <a:pt x="590" y="352"/>
                    </a:lnTo>
                    <a:lnTo>
                      <a:pt x="538" y="152"/>
                    </a:lnTo>
                    <a:lnTo>
                      <a:pt x="599" y="104"/>
                    </a:lnTo>
                    <a:lnTo>
                      <a:pt x="581" y="64"/>
                    </a:lnTo>
                    <a:lnTo>
                      <a:pt x="521" y="72"/>
                    </a:lnTo>
                  </a:path>
                </a:pathLst>
              </a:custGeom>
              <a:solidFill>
                <a:srgbClr val="808080"/>
              </a:solidFill>
              <a:ln w="12700" cap="rnd">
                <a:solidFill>
                  <a:schemeClr val="bg1"/>
                </a:solidFill>
                <a:round/>
                <a:headEnd/>
                <a:tailEnd/>
              </a:ln>
            </p:spPr>
            <p:txBody>
              <a:bodyPr/>
              <a:lstStyle/>
              <a:p>
                <a:endParaRPr lang="de-CH" dirty="0"/>
              </a:p>
            </p:txBody>
          </p:sp>
          <p:sp>
            <p:nvSpPr>
              <p:cNvPr id="79" name="Freeform 114"/>
              <p:cNvSpPr>
                <a:spLocks/>
              </p:cNvSpPr>
              <p:nvPr/>
            </p:nvSpPr>
            <p:spPr bwMode="auto">
              <a:xfrm>
                <a:off x="3978" y="1672"/>
                <a:ext cx="184" cy="191"/>
              </a:xfrm>
              <a:custGeom>
                <a:avLst/>
                <a:gdLst>
                  <a:gd name="T0" fmla="*/ 2147483647 w 140"/>
                  <a:gd name="T1" fmla="*/ 0 h 145"/>
                  <a:gd name="T2" fmla="*/ 2147483647 w 140"/>
                  <a:gd name="T3" fmla="*/ 2147483647 h 145"/>
                  <a:gd name="T4" fmla="*/ 2147483647 w 140"/>
                  <a:gd name="T5" fmla="*/ 2147483647 h 145"/>
                  <a:gd name="T6" fmla="*/ 0 w 140"/>
                  <a:gd name="T7" fmla="*/ 2147483647 h 145"/>
                  <a:gd name="T8" fmla="*/ 0 w 140"/>
                  <a:gd name="T9" fmla="*/ 2147483647 h 145"/>
                  <a:gd name="T10" fmla="*/ 2147483647 w 140"/>
                  <a:gd name="T11" fmla="*/ 2147483647 h 145"/>
                  <a:gd name="T12" fmla="*/ 2147483647 w 140"/>
                  <a:gd name="T13" fmla="*/ 2147483647 h 145"/>
                  <a:gd name="T14" fmla="*/ 2147483647 w 140"/>
                  <a:gd name="T15" fmla="*/ 2147483647 h 145"/>
                  <a:gd name="T16" fmla="*/ 2147483647 w 140"/>
                  <a:gd name="T17" fmla="*/ 2147483647 h 145"/>
                  <a:gd name="T18" fmla="*/ 2147483647 w 140"/>
                  <a:gd name="T19" fmla="*/ 2147483647 h 145"/>
                  <a:gd name="T20" fmla="*/ 2147483647 w 140"/>
                  <a:gd name="T21" fmla="*/ 2147483647 h 145"/>
                  <a:gd name="T22" fmla="*/ 2147483647 w 140"/>
                  <a:gd name="T23" fmla="*/ 2147483647 h 145"/>
                  <a:gd name="T24" fmla="*/ 2147483647 w 140"/>
                  <a:gd name="T25" fmla="*/ 0 h 145"/>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140"/>
                  <a:gd name="T40" fmla="*/ 0 h 145"/>
                  <a:gd name="T41" fmla="*/ 140 w 140"/>
                  <a:gd name="T42" fmla="*/ 145 h 145"/>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140" h="145">
                    <a:moveTo>
                      <a:pt x="35" y="0"/>
                    </a:moveTo>
                    <a:lnTo>
                      <a:pt x="9" y="8"/>
                    </a:lnTo>
                    <a:lnTo>
                      <a:pt x="35" y="32"/>
                    </a:lnTo>
                    <a:lnTo>
                      <a:pt x="0" y="56"/>
                    </a:lnTo>
                    <a:lnTo>
                      <a:pt x="0" y="88"/>
                    </a:lnTo>
                    <a:lnTo>
                      <a:pt x="9" y="128"/>
                    </a:lnTo>
                    <a:lnTo>
                      <a:pt x="17" y="128"/>
                    </a:lnTo>
                    <a:lnTo>
                      <a:pt x="87" y="144"/>
                    </a:lnTo>
                    <a:lnTo>
                      <a:pt x="139" y="112"/>
                    </a:lnTo>
                    <a:lnTo>
                      <a:pt x="139" y="72"/>
                    </a:lnTo>
                    <a:lnTo>
                      <a:pt x="130" y="32"/>
                    </a:lnTo>
                    <a:lnTo>
                      <a:pt x="96" y="32"/>
                    </a:lnTo>
                    <a:lnTo>
                      <a:pt x="35" y="0"/>
                    </a:lnTo>
                  </a:path>
                </a:pathLst>
              </a:custGeom>
              <a:solidFill>
                <a:srgbClr val="808080"/>
              </a:solidFill>
              <a:ln w="12700" cap="rnd">
                <a:solidFill>
                  <a:schemeClr val="bg1"/>
                </a:solidFill>
                <a:round/>
                <a:headEnd/>
                <a:tailEnd/>
              </a:ln>
            </p:spPr>
            <p:txBody>
              <a:bodyPr/>
              <a:lstStyle/>
              <a:p>
                <a:endParaRPr lang="de-CH" dirty="0"/>
              </a:p>
            </p:txBody>
          </p:sp>
          <p:sp>
            <p:nvSpPr>
              <p:cNvPr id="80" name="Freeform 116"/>
              <p:cNvSpPr>
                <a:spLocks/>
              </p:cNvSpPr>
              <p:nvPr/>
            </p:nvSpPr>
            <p:spPr bwMode="auto">
              <a:xfrm>
                <a:off x="3815" y="1552"/>
                <a:ext cx="501" cy="307"/>
              </a:xfrm>
              <a:custGeom>
                <a:avLst/>
                <a:gdLst>
                  <a:gd name="T0" fmla="*/ 2147483647 w 383"/>
                  <a:gd name="T1" fmla="*/ 2147483647 h 233"/>
                  <a:gd name="T2" fmla="*/ 2147483647 w 383"/>
                  <a:gd name="T3" fmla="*/ 2147483647 h 233"/>
                  <a:gd name="T4" fmla="*/ 2147483647 w 383"/>
                  <a:gd name="T5" fmla="*/ 2147483647 h 233"/>
                  <a:gd name="T6" fmla="*/ 2147483647 w 383"/>
                  <a:gd name="T7" fmla="*/ 2147483647 h 233"/>
                  <a:gd name="T8" fmla="*/ 2147483647 w 383"/>
                  <a:gd name="T9" fmla="*/ 2147483647 h 233"/>
                  <a:gd name="T10" fmla="*/ 2147483647 w 383"/>
                  <a:gd name="T11" fmla="*/ 2147483647 h 233"/>
                  <a:gd name="T12" fmla="*/ 2147483647 w 383"/>
                  <a:gd name="T13" fmla="*/ 2147483647 h 233"/>
                  <a:gd name="T14" fmla="*/ 2147483647 w 383"/>
                  <a:gd name="T15" fmla="*/ 2147483647 h 233"/>
                  <a:gd name="T16" fmla="*/ 2147483647 w 383"/>
                  <a:gd name="T17" fmla="*/ 2147483647 h 233"/>
                  <a:gd name="T18" fmla="*/ 2147483647 w 383"/>
                  <a:gd name="T19" fmla="*/ 2147483647 h 233"/>
                  <a:gd name="T20" fmla="*/ 2147483647 w 383"/>
                  <a:gd name="T21" fmla="*/ 2147483647 h 233"/>
                  <a:gd name="T22" fmla="*/ 2147483647 w 383"/>
                  <a:gd name="T23" fmla="*/ 2147483647 h 233"/>
                  <a:gd name="T24" fmla="*/ 0 w 383"/>
                  <a:gd name="T25" fmla="*/ 2147483647 h 233"/>
                  <a:gd name="T26" fmla="*/ 2147483647 w 383"/>
                  <a:gd name="T27" fmla="*/ 2147483647 h 233"/>
                  <a:gd name="T28" fmla="*/ 2147483647 w 383"/>
                  <a:gd name="T29" fmla="*/ 2147483647 h 233"/>
                  <a:gd name="T30" fmla="*/ 2147483647 w 383"/>
                  <a:gd name="T31" fmla="*/ 2147483647 h 233"/>
                  <a:gd name="T32" fmla="*/ 2147483647 w 383"/>
                  <a:gd name="T33" fmla="*/ 2147483647 h 233"/>
                  <a:gd name="T34" fmla="*/ 2147483647 w 383"/>
                  <a:gd name="T35" fmla="*/ 0 h 233"/>
                  <a:gd name="T36" fmla="*/ 2147483647 w 383"/>
                  <a:gd name="T37" fmla="*/ 0 h 233"/>
                  <a:gd name="T38" fmla="*/ 2147483647 w 383"/>
                  <a:gd name="T39" fmla="*/ 2147483647 h 233"/>
                  <a:gd name="T40" fmla="*/ 2147483647 w 383"/>
                  <a:gd name="T41" fmla="*/ 2147483647 h 233"/>
                  <a:gd name="T42" fmla="*/ 2147483647 w 383"/>
                  <a:gd name="T43" fmla="*/ 2147483647 h 233"/>
                  <a:gd name="T44" fmla="*/ 2147483647 w 383"/>
                  <a:gd name="T45" fmla="*/ 2147483647 h 233"/>
                  <a:gd name="T46" fmla="*/ 2147483647 w 383"/>
                  <a:gd name="T47" fmla="*/ 2147483647 h 233"/>
                  <a:gd name="T48" fmla="*/ 2147483647 w 383"/>
                  <a:gd name="T49" fmla="*/ 2147483647 h 233"/>
                  <a:gd name="T50" fmla="*/ 2147483647 w 383"/>
                  <a:gd name="T51" fmla="*/ 2147483647 h 233"/>
                  <a:gd name="T52" fmla="*/ 2147483647 w 383"/>
                  <a:gd name="T53" fmla="*/ 2147483647 h 233"/>
                  <a:gd name="T54" fmla="*/ 2147483647 w 383"/>
                  <a:gd name="T55" fmla="*/ 2147483647 h 233"/>
                  <a:gd name="T56" fmla="*/ 2147483647 w 383"/>
                  <a:gd name="T57" fmla="*/ 2147483647 h 233"/>
                  <a:gd name="T58" fmla="*/ 2147483647 w 383"/>
                  <a:gd name="T59" fmla="*/ 2147483647 h 233"/>
                  <a:gd name="T60" fmla="*/ 2147483647 w 383"/>
                  <a:gd name="T61" fmla="*/ 2147483647 h 233"/>
                  <a:gd name="T62" fmla="*/ 2147483647 w 383"/>
                  <a:gd name="T63" fmla="*/ 2147483647 h 233"/>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w 383"/>
                  <a:gd name="T97" fmla="*/ 0 h 233"/>
                  <a:gd name="T98" fmla="*/ 383 w 383"/>
                  <a:gd name="T99" fmla="*/ 233 h 233"/>
                </a:gdLst>
                <a:ahLst/>
                <a:cxnLst>
                  <a:cxn ang="T64">
                    <a:pos x="T0" y="T1"/>
                  </a:cxn>
                  <a:cxn ang="T65">
                    <a:pos x="T2" y="T3"/>
                  </a:cxn>
                  <a:cxn ang="T66">
                    <a:pos x="T4" y="T5"/>
                  </a:cxn>
                  <a:cxn ang="T67">
                    <a:pos x="T6" y="T7"/>
                  </a:cxn>
                  <a:cxn ang="T68">
                    <a:pos x="T8" y="T9"/>
                  </a:cxn>
                  <a:cxn ang="T69">
                    <a:pos x="T10" y="T11"/>
                  </a:cxn>
                  <a:cxn ang="T70">
                    <a:pos x="T12" y="T13"/>
                  </a:cxn>
                  <a:cxn ang="T71">
                    <a:pos x="T14" y="T15"/>
                  </a:cxn>
                  <a:cxn ang="T72">
                    <a:pos x="T16" y="T17"/>
                  </a:cxn>
                  <a:cxn ang="T73">
                    <a:pos x="T18" y="T19"/>
                  </a:cxn>
                  <a:cxn ang="T74">
                    <a:pos x="T20" y="T21"/>
                  </a:cxn>
                  <a:cxn ang="T75">
                    <a:pos x="T22" y="T23"/>
                  </a:cxn>
                  <a:cxn ang="T76">
                    <a:pos x="T24" y="T25"/>
                  </a:cxn>
                  <a:cxn ang="T77">
                    <a:pos x="T26" y="T27"/>
                  </a:cxn>
                  <a:cxn ang="T78">
                    <a:pos x="T28" y="T29"/>
                  </a:cxn>
                  <a:cxn ang="T79">
                    <a:pos x="T30" y="T31"/>
                  </a:cxn>
                  <a:cxn ang="T80">
                    <a:pos x="T32" y="T33"/>
                  </a:cxn>
                  <a:cxn ang="T81">
                    <a:pos x="T34" y="T35"/>
                  </a:cxn>
                  <a:cxn ang="T82">
                    <a:pos x="T36" y="T37"/>
                  </a:cxn>
                  <a:cxn ang="T83">
                    <a:pos x="T38" y="T39"/>
                  </a:cxn>
                  <a:cxn ang="T84">
                    <a:pos x="T40" y="T41"/>
                  </a:cxn>
                  <a:cxn ang="T85">
                    <a:pos x="T42" y="T43"/>
                  </a:cxn>
                  <a:cxn ang="T86">
                    <a:pos x="T44" y="T45"/>
                  </a:cxn>
                  <a:cxn ang="T87">
                    <a:pos x="T46" y="T47"/>
                  </a:cxn>
                  <a:cxn ang="T88">
                    <a:pos x="T48" y="T49"/>
                  </a:cxn>
                  <a:cxn ang="T89">
                    <a:pos x="T50" y="T51"/>
                  </a:cxn>
                  <a:cxn ang="T90">
                    <a:pos x="T52" y="T53"/>
                  </a:cxn>
                  <a:cxn ang="T91">
                    <a:pos x="T54" y="T55"/>
                  </a:cxn>
                  <a:cxn ang="T92">
                    <a:pos x="T56" y="T57"/>
                  </a:cxn>
                  <a:cxn ang="T93">
                    <a:pos x="T58" y="T59"/>
                  </a:cxn>
                  <a:cxn ang="T94">
                    <a:pos x="T60" y="T61"/>
                  </a:cxn>
                  <a:cxn ang="T95">
                    <a:pos x="T62" y="T63"/>
                  </a:cxn>
                </a:cxnLst>
                <a:rect l="T96" t="T97" r="T98" b="T99"/>
                <a:pathLst>
                  <a:path w="383" h="233">
                    <a:moveTo>
                      <a:pt x="226" y="128"/>
                    </a:moveTo>
                    <a:lnTo>
                      <a:pt x="165" y="96"/>
                    </a:lnTo>
                    <a:lnTo>
                      <a:pt x="139" y="104"/>
                    </a:lnTo>
                    <a:lnTo>
                      <a:pt x="165" y="128"/>
                    </a:lnTo>
                    <a:lnTo>
                      <a:pt x="130" y="152"/>
                    </a:lnTo>
                    <a:lnTo>
                      <a:pt x="130" y="184"/>
                    </a:lnTo>
                    <a:lnTo>
                      <a:pt x="139" y="224"/>
                    </a:lnTo>
                    <a:lnTo>
                      <a:pt x="104" y="224"/>
                    </a:lnTo>
                    <a:lnTo>
                      <a:pt x="52" y="232"/>
                    </a:lnTo>
                    <a:lnTo>
                      <a:pt x="35" y="208"/>
                    </a:lnTo>
                    <a:lnTo>
                      <a:pt x="35" y="168"/>
                    </a:lnTo>
                    <a:lnTo>
                      <a:pt x="9" y="152"/>
                    </a:lnTo>
                    <a:lnTo>
                      <a:pt x="0" y="120"/>
                    </a:lnTo>
                    <a:lnTo>
                      <a:pt x="52" y="80"/>
                    </a:lnTo>
                    <a:lnTo>
                      <a:pt x="87" y="64"/>
                    </a:lnTo>
                    <a:lnTo>
                      <a:pt x="130" y="80"/>
                    </a:lnTo>
                    <a:lnTo>
                      <a:pt x="208" y="40"/>
                    </a:lnTo>
                    <a:lnTo>
                      <a:pt x="304" y="0"/>
                    </a:lnTo>
                    <a:lnTo>
                      <a:pt x="347" y="0"/>
                    </a:lnTo>
                    <a:lnTo>
                      <a:pt x="382" y="24"/>
                    </a:lnTo>
                    <a:lnTo>
                      <a:pt x="365" y="48"/>
                    </a:lnTo>
                    <a:lnTo>
                      <a:pt x="347" y="32"/>
                    </a:lnTo>
                    <a:lnTo>
                      <a:pt x="313" y="32"/>
                    </a:lnTo>
                    <a:lnTo>
                      <a:pt x="304" y="40"/>
                    </a:lnTo>
                    <a:lnTo>
                      <a:pt x="330" y="72"/>
                    </a:lnTo>
                    <a:lnTo>
                      <a:pt x="321" y="80"/>
                    </a:lnTo>
                    <a:lnTo>
                      <a:pt x="295" y="80"/>
                    </a:lnTo>
                    <a:lnTo>
                      <a:pt x="278" y="64"/>
                    </a:lnTo>
                    <a:lnTo>
                      <a:pt x="252" y="64"/>
                    </a:lnTo>
                    <a:lnTo>
                      <a:pt x="260" y="104"/>
                    </a:lnTo>
                    <a:lnTo>
                      <a:pt x="260" y="128"/>
                    </a:lnTo>
                    <a:lnTo>
                      <a:pt x="226" y="128"/>
                    </a:lnTo>
                  </a:path>
                </a:pathLst>
              </a:custGeom>
              <a:solidFill>
                <a:srgbClr val="808080"/>
              </a:solidFill>
              <a:ln w="12700" cap="rnd">
                <a:solidFill>
                  <a:schemeClr val="bg1"/>
                </a:solidFill>
                <a:round/>
                <a:headEnd/>
                <a:tailEnd/>
              </a:ln>
            </p:spPr>
            <p:txBody>
              <a:bodyPr/>
              <a:lstStyle/>
              <a:p>
                <a:endParaRPr lang="de-CH" dirty="0"/>
              </a:p>
            </p:txBody>
          </p:sp>
          <p:sp>
            <p:nvSpPr>
              <p:cNvPr id="81" name="Freeform 115"/>
              <p:cNvSpPr>
                <a:spLocks/>
              </p:cNvSpPr>
              <p:nvPr/>
            </p:nvSpPr>
            <p:spPr bwMode="auto">
              <a:xfrm>
                <a:off x="4138" y="1630"/>
                <a:ext cx="58" cy="54"/>
              </a:xfrm>
              <a:custGeom>
                <a:avLst/>
                <a:gdLst>
                  <a:gd name="T0" fmla="*/ 2147483647 w 44"/>
                  <a:gd name="T1" fmla="*/ 0 h 41"/>
                  <a:gd name="T2" fmla="*/ 0 w 44"/>
                  <a:gd name="T3" fmla="*/ 0 h 41"/>
                  <a:gd name="T4" fmla="*/ 2147483647 w 44"/>
                  <a:gd name="T5" fmla="*/ 2147483647 h 41"/>
                  <a:gd name="T6" fmla="*/ 2147483647 w 44"/>
                  <a:gd name="T7" fmla="*/ 2147483647 h 41"/>
                  <a:gd name="T8" fmla="*/ 2147483647 w 44"/>
                  <a:gd name="T9" fmla="*/ 0 h 41"/>
                  <a:gd name="T10" fmla="*/ 0 60000 65536"/>
                  <a:gd name="T11" fmla="*/ 0 60000 65536"/>
                  <a:gd name="T12" fmla="*/ 0 60000 65536"/>
                  <a:gd name="T13" fmla="*/ 0 60000 65536"/>
                  <a:gd name="T14" fmla="*/ 0 60000 65536"/>
                  <a:gd name="T15" fmla="*/ 0 w 44"/>
                  <a:gd name="T16" fmla="*/ 0 h 41"/>
                  <a:gd name="T17" fmla="*/ 44 w 44"/>
                  <a:gd name="T18" fmla="*/ 41 h 41"/>
                </a:gdLst>
                <a:ahLst/>
                <a:cxnLst>
                  <a:cxn ang="T10">
                    <a:pos x="T0" y="T1"/>
                  </a:cxn>
                  <a:cxn ang="T11">
                    <a:pos x="T2" y="T3"/>
                  </a:cxn>
                  <a:cxn ang="T12">
                    <a:pos x="T4" y="T5"/>
                  </a:cxn>
                  <a:cxn ang="T13">
                    <a:pos x="T6" y="T7"/>
                  </a:cxn>
                  <a:cxn ang="T14">
                    <a:pos x="T8" y="T9"/>
                  </a:cxn>
                </a:cxnLst>
                <a:rect l="T15" t="T16" r="T17" b="T18"/>
                <a:pathLst>
                  <a:path w="44" h="41">
                    <a:moveTo>
                      <a:pt x="26" y="0"/>
                    </a:moveTo>
                    <a:lnTo>
                      <a:pt x="0" y="0"/>
                    </a:lnTo>
                    <a:lnTo>
                      <a:pt x="9" y="40"/>
                    </a:lnTo>
                    <a:lnTo>
                      <a:pt x="43" y="16"/>
                    </a:lnTo>
                    <a:lnTo>
                      <a:pt x="26" y="0"/>
                    </a:lnTo>
                  </a:path>
                </a:pathLst>
              </a:custGeom>
              <a:solidFill>
                <a:srgbClr val="808080"/>
              </a:solidFill>
              <a:ln w="12700" cap="rnd">
                <a:solidFill>
                  <a:schemeClr val="bg1"/>
                </a:solidFill>
                <a:round/>
                <a:headEnd/>
                <a:tailEnd/>
              </a:ln>
            </p:spPr>
            <p:txBody>
              <a:bodyPr/>
              <a:lstStyle/>
              <a:p>
                <a:endParaRPr lang="de-CH" dirty="0"/>
              </a:p>
            </p:txBody>
          </p:sp>
          <p:sp>
            <p:nvSpPr>
              <p:cNvPr id="82" name="Freeform 117"/>
              <p:cNvSpPr>
                <a:spLocks/>
              </p:cNvSpPr>
              <p:nvPr/>
            </p:nvSpPr>
            <p:spPr bwMode="auto">
              <a:xfrm>
                <a:off x="1158" y="3249"/>
                <a:ext cx="1112" cy="858"/>
              </a:xfrm>
              <a:custGeom>
                <a:avLst/>
                <a:gdLst>
                  <a:gd name="T0" fmla="*/ 1 w 1910"/>
                  <a:gd name="T1" fmla="*/ 0 h 1570"/>
                  <a:gd name="T2" fmla="*/ 1 w 1910"/>
                  <a:gd name="T3" fmla="*/ 0 h 1570"/>
                  <a:gd name="T4" fmla="*/ 1 w 1910"/>
                  <a:gd name="T5" fmla="*/ 0 h 1570"/>
                  <a:gd name="T6" fmla="*/ 1 w 1910"/>
                  <a:gd name="T7" fmla="*/ 0 h 1570"/>
                  <a:gd name="T8" fmla="*/ 1 w 1910"/>
                  <a:gd name="T9" fmla="*/ 0 h 1570"/>
                  <a:gd name="T10" fmla="*/ 1 w 1910"/>
                  <a:gd name="T11" fmla="*/ 0 h 1570"/>
                  <a:gd name="T12" fmla="*/ 1 w 1910"/>
                  <a:gd name="T13" fmla="*/ 0 h 1570"/>
                  <a:gd name="T14" fmla="*/ 1 w 1910"/>
                  <a:gd name="T15" fmla="*/ 0 h 1570"/>
                  <a:gd name="T16" fmla="*/ 1 w 1910"/>
                  <a:gd name="T17" fmla="*/ 0 h 1570"/>
                  <a:gd name="T18" fmla="*/ 1 w 1910"/>
                  <a:gd name="T19" fmla="*/ 0 h 1570"/>
                  <a:gd name="T20" fmla="*/ 1 w 1910"/>
                  <a:gd name="T21" fmla="*/ 0 h 1570"/>
                  <a:gd name="T22" fmla="*/ 0 w 1910"/>
                  <a:gd name="T23" fmla="*/ 0 h 1570"/>
                  <a:gd name="T24" fmla="*/ 0 w 1910"/>
                  <a:gd name="T25" fmla="*/ 0 h 1570"/>
                  <a:gd name="T26" fmla="*/ 0 w 1910"/>
                  <a:gd name="T27" fmla="*/ 0 h 1570"/>
                  <a:gd name="T28" fmla="*/ 0 w 1910"/>
                  <a:gd name="T29" fmla="*/ 0 h 1570"/>
                  <a:gd name="T30" fmla="*/ 0 w 1910"/>
                  <a:gd name="T31" fmla="*/ 0 h 1570"/>
                  <a:gd name="T32" fmla="*/ 0 w 1910"/>
                  <a:gd name="T33" fmla="*/ 0 h 1570"/>
                  <a:gd name="T34" fmla="*/ 0 w 1910"/>
                  <a:gd name="T35" fmla="*/ 0 h 1570"/>
                  <a:gd name="T36" fmla="*/ 0 w 1910"/>
                  <a:gd name="T37" fmla="*/ 0 h 1570"/>
                  <a:gd name="T38" fmla="*/ 0 w 1910"/>
                  <a:gd name="T39" fmla="*/ 0 h 1570"/>
                  <a:gd name="T40" fmla="*/ 0 w 1910"/>
                  <a:gd name="T41" fmla="*/ 0 h 1570"/>
                  <a:gd name="T42" fmla="*/ 0 w 1910"/>
                  <a:gd name="T43" fmla="*/ 0 h 1570"/>
                  <a:gd name="T44" fmla="*/ 0 w 1910"/>
                  <a:gd name="T45" fmla="*/ 0 h 1570"/>
                  <a:gd name="T46" fmla="*/ 0 w 1910"/>
                  <a:gd name="T47" fmla="*/ 0 h 1570"/>
                  <a:gd name="T48" fmla="*/ 0 w 1910"/>
                  <a:gd name="T49" fmla="*/ 0 h 1570"/>
                  <a:gd name="T50" fmla="*/ 0 w 1910"/>
                  <a:gd name="T51" fmla="*/ 0 h 1570"/>
                  <a:gd name="T52" fmla="*/ 0 w 1910"/>
                  <a:gd name="T53" fmla="*/ 0 h 1570"/>
                  <a:gd name="T54" fmla="*/ 0 w 1910"/>
                  <a:gd name="T55" fmla="*/ 0 h 1570"/>
                  <a:gd name="T56" fmla="*/ 1 w 1910"/>
                  <a:gd name="T57" fmla="*/ 0 h 1570"/>
                  <a:gd name="T58" fmla="*/ 1 w 1910"/>
                  <a:gd name="T59" fmla="*/ 0 h 1570"/>
                  <a:gd name="T60" fmla="*/ 1 w 1910"/>
                  <a:gd name="T61" fmla="*/ 0 h 1570"/>
                  <a:gd name="T62" fmla="*/ 1 w 1910"/>
                  <a:gd name="T63" fmla="*/ 0 h 1570"/>
                  <a:gd name="T64" fmla="*/ 1 w 1910"/>
                  <a:gd name="T65" fmla="*/ 0 h 1570"/>
                  <a:gd name="T66" fmla="*/ 1 w 1910"/>
                  <a:gd name="T67" fmla="*/ 0 h 1570"/>
                  <a:gd name="T68" fmla="*/ 1 w 1910"/>
                  <a:gd name="T69" fmla="*/ 0 h 1570"/>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w 1910"/>
                  <a:gd name="T106" fmla="*/ 0 h 1570"/>
                  <a:gd name="T107" fmla="*/ 1910 w 1910"/>
                  <a:gd name="T108" fmla="*/ 1570 h 1570"/>
                </a:gdLst>
                <a:ahLst/>
                <a:cxnLst>
                  <a:cxn ang="T70">
                    <a:pos x="T0" y="T1"/>
                  </a:cxn>
                  <a:cxn ang="T71">
                    <a:pos x="T2" y="T3"/>
                  </a:cxn>
                  <a:cxn ang="T72">
                    <a:pos x="T4" y="T5"/>
                  </a:cxn>
                  <a:cxn ang="T73">
                    <a:pos x="T6" y="T7"/>
                  </a:cxn>
                  <a:cxn ang="T74">
                    <a:pos x="T8" y="T9"/>
                  </a:cxn>
                  <a:cxn ang="T75">
                    <a:pos x="T10" y="T11"/>
                  </a:cxn>
                  <a:cxn ang="T76">
                    <a:pos x="T12" y="T13"/>
                  </a:cxn>
                  <a:cxn ang="T77">
                    <a:pos x="T14" y="T15"/>
                  </a:cxn>
                  <a:cxn ang="T78">
                    <a:pos x="T16" y="T17"/>
                  </a:cxn>
                  <a:cxn ang="T79">
                    <a:pos x="T18" y="T19"/>
                  </a:cxn>
                  <a:cxn ang="T80">
                    <a:pos x="T20" y="T21"/>
                  </a:cxn>
                  <a:cxn ang="T81">
                    <a:pos x="T22" y="T23"/>
                  </a:cxn>
                  <a:cxn ang="T82">
                    <a:pos x="T24" y="T25"/>
                  </a:cxn>
                  <a:cxn ang="T83">
                    <a:pos x="T26" y="T27"/>
                  </a:cxn>
                  <a:cxn ang="T84">
                    <a:pos x="T28" y="T29"/>
                  </a:cxn>
                  <a:cxn ang="T85">
                    <a:pos x="T30" y="T31"/>
                  </a:cxn>
                  <a:cxn ang="T86">
                    <a:pos x="T32" y="T33"/>
                  </a:cxn>
                  <a:cxn ang="T87">
                    <a:pos x="T34" y="T35"/>
                  </a:cxn>
                  <a:cxn ang="T88">
                    <a:pos x="T36" y="T37"/>
                  </a:cxn>
                  <a:cxn ang="T89">
                    <a:pos x="T38" y="T39"/>
                  </a:cxn>
                  <a:cxn ang="T90">
                    <a:pos x="T40" y="T41"/>
                  </a:cxn>
                  <a:cxn ang="T91">
                    <a:pos x="T42" y="T43"/>
                  </a:cxn>
                  <a:cxn ang="T92">
                    <a:pos x="T44" y="T45"/>
                  </a:cxn>
                  <a:cxn ang="T93">
                    <a:pos x="T46" y="T47"/>
                  </a:cxn>
                  <a:cxn ang="T94">
                    <a:pos x="T48" y="T49"/>
                  </a:cxn>
                  <a:cxn ang="T95">
                    <a:pos x="T50" y="T51"/>
                  </a:cxn>
                  <a:cxn ang="T96">
                    <a:pos x="T52" y="T53"/>
                  </a:cxn>
                  <a:cxn ang="T97">
                    <a:pos x="T54" y="T55"/>
                  </a:cxn>
                  <a:cxn ang="T98">
                    <a:pos x="T56" y="T57"/>
                  </a:cxn>
                  <a:cxn ang="T99">
                    <a:pos x="T58" y="T59"/>
                  </a:cxn>
                  <a:cxn ang="T100">
                    <a:pos x="T60" y="T61"/>
                  </a:cxn>
                  <a:cxn ang="T101">
                    <a:pos x="T62" y="T63"/>
                  </a:cxn>
                  <a:cxn ang="T102">
                    <a:pos x="T64" y="T65"/>
                  </a:cxn>
                  <a:cxn ang="T103">
                    <a:pos x="T66" y="T67"/>
                  </a:cxn>
                  <a:cxn ang="T104">
                    <a:pos x="T68" y="T69"/>
                  </a:cxn>
                </a:cxnLst>
                <a:rect l="T105" t="T106" r="T107" b="T108"/>
                <a:pathLst>
                  <a:path w="1910" h="1570">
                    <a:moveTo>
                      <a:pt x="1610" y="20"/>
                    </a:moveTo>
                    <a:cubicBezTo>
                      <a:pt x="1666" y="31"/>
                      <a:pt x="1643" y="30"/>
                      <a:pt x="1680" y="30"/>
                    </a:cubicBezTo>
                    <a:lnTo>
                      <a:pt x="1650" y="250"/>
                    </a:lnTo>
                    <a:lnTo>
                      <a:pt x="1760" y="380"/>
                    </a:lnTo>
                    <a:lnTo>
                      <a:pt x="1780" y="640"/>
                    </a:lnTo>
                    <a:lnTo>
                      <a:pt x="1910" y="810"/>
                    </a:lnTo>
                    <a:lnTo>
                      <a:pt x="1810" y="1030"/>
                    </a:lnTo>
                    <a:lnTo>
                      <a:pt x="1680" y="1100"/>
                    </a:lnTo>
                    <a:lnTo>
                      <a:pt x="1590" y="1220"/>
                    </a:lnTo>
                    <a:lnTo>
                      <a:pt x="1250" y="1460"/>
                    </a:lnTo>
                    <a:lnTo>
                      <a:pt x="1090" y="1390"/>
                    </a:lnTo>
                    <a:lnTo>
                      <a:pt x="710" y="1570"/>
                    </a:lnTo>
                    <a:lnTo>
                      <a:pt x="350" y="950"/>
                    </a:lnTo>
                    <a:lnTo>
                      <a:pt x="240" y="1010"/>
                    </a:lnTo>
                    <a:lnTo>
                      <a:pt x="190" y="910"/>
                    </a:lnTo>
                    <a:lnTo>
                      <a:pt x="260" y="740"/>
                    </a:lnTo>
                    <a:lnTo>
                      <a:pt x="90" y="740"/>
                    </a:lnTo>
                    <a:lnTo>
                      <a:pt x="0" y="630"/>
                    </a:lnTo>
                    <a:lnTo>
                      <a:pt x="170" y="270"/>
                    </a:lnTo>
                    <a:lnTo>
                      <a:pt x="30" y="60"/>
                    </a:lnTo>
                    <a:lnTo>
                      <a:pt x="70" y="0"/>
                    </a:lnTo>
                    <a:lnTo>
                      <a:pt x="240" y="20"/>
                    </a:lnTo>
                    <a:lnTo>
                      <a:pt x="300" y="150"/>
                    </a:lnTo>
                    <a:lnTo>
                      <a:pt x="570" y="580"/>
                    </a:lnTo>
                    <a:lnTo>
                      <a:pt x="670" y="550"/>
                    </a:lnTo>
                    <a:lnTo>
                      <a:pt x="850" y="320"/>
                    </a:lnTo>
                    <a:lnTo>
                      <a:pt x="860" y="220"/>
                    </a:lnTo>
                    <a:lnTo>
                      <a:pt x="940" y="190"/>
                    </a:lnTo>
                    <a:lnTo>
                      <a:pt x="1020" y="170"/>
                    </a:lnTo>
                    <a:lnTo>
                      <a:pt x="1080" y="50"/>
                    </a:lnTo>
                    <a:lnTo>
                      <a:pt x="1150" y="80"/>
                    </a:lnTo>
                    <a:lnTo>
                      <a:pt x="1160" y="140"/>
                    </a:lnTo>
                    <a:lnTo>
                      <a:pt x="1450" y="30"/>
                    </a:lnTo>
                    <a:lnTo>
                      <a:pt x="1540" y="80"/>
                    </a:lnTo>
                    <a:lnTo>
                      <a:pt x="1610" y="20"/>
                    </a:lnTo>
                    <a:close/>
                  </a:path>
                </a:pathLst>
              </a:custGeom>
              <a:solidFill>
                <a:srgbClr val="CBCBCB"/>
              </a:solidFill>
              <a:ln w="12700">
                <a:solidFill>
                  <a:schemeClr val="bg1"/>
                </a:solidFill>
                <a:round/>
                <a:headEnd/>
                <a:tailEnd/>
              </a:ln>
            </p:spPr>
            <p:txBody>
              <a:bodyPr/>
              <a:lstStyle/>
              <a:p>
                <a:endParaRPr lang="de-CH" dirty="0"/>
              </a:p>
            </p:txBody>
          </p:sp>
          <p:sp>
            <p:nvSpPr>
              <p:cNvPr id="83" name="Freeform 118"/>
              <p:cNvSpPr>
                <a:spLocks/>
              </p:cNvSpPr>
              <p:nvPr/>
            </p:nvSpPr>
            <p:spPr bwMode="auto">
              <a:xfrm>
                <a:off x="1286" y="1809"/>
                <a:ext cx="763" cy="407"/>
              </a:xfrm>
              <a:custGeom>
                <a:avLst/>
                <a:gdLst>
                  <a:gd name="T0" fmla="*/ 0 w 1330"/>
                  <a:gd name="T1" fmla="*/ 0 h 720"/>
                  <a:gd name="T2" fmla="*/ 0 w 1330"/>
                  <a:gd name="T3" fmla="*/ 0 h 720"/>
                  <a:gd name="T4" fmla="*/ 0 w 1330"/>
                  <a:gd name="T5" fmla="*/ 0 h 720"/>
                  <a:gd name="T6" fmla="*/ 0 w 1330"/>
                  <a:gd name="T7" fmla="*/ 0 h 720"/>
                  <a:gd name="T8" fmla="*/ 0 w 1330"/>
                  <a:gd name="T9" fmla="*/ 0 h 720"/>
                  <a:gd name="T10" fmla="*/ 0 w 1330"/>
                  <a:gd name="T11" fmla="*/ 0 h 720"/>
                  <a:gd name="T12" fmla="*/ 0 w 1330"/>
                  <a:gd name="T13" fmla="*/ 0 h 720"/>
                  <a:gd name="T14" fmla="*/ 0 w 1330"/>
                  <a:gd name="T15" fmla="*/ 0 h 720"/>
                  <a:gd name="T16" fmla="*/ 0 w 1330"/>
                  <a:gd name="T17" fmla="*/ 0 h 720"/>
                  <a:gd name="T18" fmla="*/ 0 w 1330"/>
                  <a:gd name="T19" fmla="*/ 0 h 720"/>
                  <a:gd name="T20" fmla="*/ 0 w 1330"/>
                  <a:gd name="T21" fmla="*/ 0 h 720"/>
                  <a:gd name="T22" fmla="*/ 0 w 1330"/>
                  <a:gd name="T23" fmla="*/ 0 h 720"/>
                  <a:gd name="T24" fmla="*/ 0 w 1330"/>
                  <a:gd name="T25" fmla="*/ 0 h 720"/>
                  <a:gd name="T26" fmla="*/ 0 w 1330"/>
                  <a:gd name="T27" fmla="*/ 0 h 720"/>
                  <a:gd name="T28" fmla="*/ 0 w 1330"/>
                  <a:gd name="T29" fmla="*/ 0 h 720"/>
                  <a:gd name="T30" fmla="*/ 0 w 1330"/>
                  <a:gd name="T31" fmla="*/ 0 h 720"/>
                  <a:gd name="T32" fmla="*/ 0 w 1330"/>
                  <a:gd name="T33" fmla="*/ 0 h 720"/>
                  <a:gd name="T34" fmla="*/ 1 w 1330"/>
                  <a:gd name="T35" fmla="*/ 0 h 720"/>
                  <a:gd name="T36" fmla="*/ 1 w 1330"/>
                  <a:gd name="T37" fmla="*/ 0 h 720"/>
                  <a:gd name="T38" fmla="*/ 1 w 1330"/>
                  <a:gd name="T39" fmla="*/ 0 h 720"/>
                  <a:gd name="T40" fmla="*/ 0 w 1330"/>
                  <a:gd name="T41" fmla="*/ 0 h 720"/>
                  <a:gd name="T42" fmla="*/ 0 w 1330"/>
                  <a:gd name="T43" fmla="*/ 0 h 720"/>
                  <a:gd name="T44" fmla="*/ 0 w 1330"/>
                  <a:gd name="T45" fmla="*/ 0 h 720"/>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w 1330"/>
                  <a:gd name="T70" fmla="*/ 0 h 720"/>
                  <a:gd name="T71" fmla="*/ 1330 w 1330"/>
                  <a:gd name="T72" fmla="*/ 720 h 720"/>
                </a:gdLst>
                <a:ahLst/>
                <a:cxnLst>
                  <a:cxn ang="T46">
                    <a:pos x="T0" y="T1"/>
                  </a:cxn>
                  <a:cxn ang="T47">
                    <a:pos x="T2" y="T3"/>
                  </a:cxn>
                  <a:cxn ang="T48">
                    <a:pos x="T4" y="T5"/>
                  </a:cxn>
                  <a:cxn ang="T49">
                    <a:pos x="T6" y="T7"/>
                  </a:cxn>
                  <a:cxn ang="T50">
                    <a:pos x="T8" y="T9"/>
                  </a:cxn>
                  <a:cxn ang="T51">
                    <a:pos x="T10" y="T11"/>
                  </a:cxn>
                  <a:cxn ang="T52">
                    <a:pos x="T12" y="T13"/>
                  </a:cxn>
                  <a:cxn ang="T53">
                    <a:pos x="T14" y="T15"/>
                  </a:cxn>
                  <a:cxn ang="T54">
                    <a:pos x="T16" y="T17"/>
                  </a:cxn>
                  <a:cxn ang="T55">
                    <a:pos x="T18" y="T19"/>
                  </a:cxn>
                  <a:cxn ang="T56">
                    <a:pos x="T20" y="T21"/>
                  </a:cxn>
                  <a:cxn ang="T57">
                    <a:pos x="T22" y="T23"/>
                  </a:cxn>
                  <a:cxn ang="T58">
                    <a:pos x="T24" y="T25"/>
                  </a:cxn>
                  <a:cxn ang="T59">
                    <a:pos x="T26" y="T27"/>
                  </a:cxn>
                  <a:cxn ang="T60">
                    <a:pos x="T28" y="T29"/>
                  </a:cxn>
                  <a:cxn ang="T61">
                    <a:pos x="T30" y="T31"/>
                  </a:cxn>
                  <a:cxn ang="T62">
                    <a:pos x="T32" y="T33"/>
                  </a:cxn>
                  <a:cxn ang="T63">
                    <a:pos x="T34" y="T35"/>
                  </a:cxn>
                  <a:cxn ang="T64">
                    <a:pos x="T36" y="T37"/>
                  </a:cxn>
                  <a:cxn ang="T65">
                    <a:pos x="T38" y="T39"/>
                  </a:cxn>
                  <a:cxn ang="T66">
                    <a:pos x="T40" y="T41"/>
                  </a:cxn>
                  <a:cxn ang="T67">
                    <a:pos x="T42" y="T43"/>
                  </a:cxn>
                  <a:cxn ang="T68">
                    <a:pos x="T44" y="T45"/>
                  </a:cxn>
                </a:cxnLst>
                <a:rect l="T69" t="T70" r="T71" b="T72"/>
                <a:pathLst>
                  <a:path w="1330" h="720">
                    <a:moveTo>
                      <a:pt x="1040" y="420"/>
                    </a:moveTo>
                    <a:cubicBezTo>
                      <a:pt x="1034" y="421"/>
                      <a:pt x="978" y="434"/>
                      <a:pt x="970" y="440"/>
                    </a:cubicBezTo>
                    <a:cubicBezTo>
                      <a:pt x="903" y="484"/>
                      <a:pt x="975" y="457"/>
                      <a:pt x="910" y="490"/>
                    </a:cubicBezTo>
                    <a:cubicBezTo>
                      <a:pt x="864" y="512"/>
                      <a:pt x="892" y="487"/>
                      <a:pt x="870" y="510"/>
                    </a:cubicBezTo>
                    <a:lnTo>
                      <a:pt x="530" y="610"/>
                    </a:lnTo>
                    <a:lnTo>
                      <a:pt x="520" y="700"/>
                    </a:lnTo>
                    <a:lnTo>
                      <a:pt x="440" y="720"/>
                    </a:lnTo>
                    <a:lnTo>
                      <a:pt x="350" y="520"/>
                    </a:lnTo>
                    <a:lnTo>
                      <a:pt x="40" y="700"/>
                    </a:lnTo>
                    <a:lnTo>
                      <a:pt x="0" y="620"/>
                    </a:lnTo>
                    <a:lnTo>
                      <a:pt x="100" y="510"/>
                    </a:lnTo>
                    <a:lnTo>
                      <a:pt x="10" y="420"/>
                    </a:lnTo>
                    <a:lnTo>
                      <a:pt x="160" y="420"/>
                    </a:lnTo>
                    <a:lnTo>
                      <a:pt x="400" y="340"/>
                    </a:lnTo>
                    <a:lnTo>
                      <a:pt x="470" y="160"/>
                    </a:lnTo>
                    <a:lnTo>
                      <a:pt x="690" y="210"/>
                    </a:lnTo>
                    <a:lnTo>
                      <a:pt x="820" y="0"/>
                    </a:lnTo>
                    <a:lnTo>
                      <a:pt x="1330" y="10"/>
                    </a:lnTo>
                    <a:lnTo>
                      <a:pt x="1250" y="60"/>
                    </a:lnTo>
                    <a:lnTo>
                      <a:pt x="1160" y="190"/>
                    </a:lnTo>
                    <a:lnTo>
                      <a:pt x="1060" y="210"/>
                    </a:lnTo>
                    <a:lnTo>
                      <a:pt x="1000" y="300"/>
                    </a:lnTo>
                    <a:lnTo>
                      <a:pt x="1040" y="420"/>
                    </a:lnTo>
                    <a:close/>
                  </a:path>
                </a:pathLst>
              </a:custGeom>
              <a:solidFill>
                <a:srgbClr val="CBCBCB"/>
              </a:solidFill>
              <a:ln w="12700">
                <a:solidFill>
                  <a:schemeClr val="bg1"/>
                </a:solidFill>
                <a:round/>
                <a:headEnd/>
                <a:tailEnd/>
              </a:ln>
            </p:spPr>
            <p:txBody>
              <a:bodyPr/>
              <a:lstStyle/>
              <a:p>
                <a:endParaRPr lang="de-CH" dirty="0"/>
              </a:p>
            </p:txBody>
          </p:sp>
          <p:sp>
            <p:nvSpPr>
              <p:cNvPr id="84" name="Freeform 119"/>
              <p:cNvSpPr>
                <a:spLocks/>
              </p:cNvSpPr>
              <p:nvPr/>
            </p:nvSpPr>
            <p:spPr bwMode="auto">
              <a:xfrm rot="-139736">
                <a:off x="1152" y="2342"/>
                <a:ext cx="622" cy="836"/>
              </a:xfrm>
              <a:custGeom>
                <a:avLst/>
                <a:gdLst>
                  <a:gd name="T0" fmla="*/ 1 w 970"/>
                  <a:gd name="T1" fmla="*/ 0 h 1590"/>
                  <a:gd name="T2" fmla="*/ 1 w 970"/>
                  <a:gd name="T3" fmla="*/ 0 h 1590"/>
                  <a:gd name="T4" fmla="*/ 1 w 970"/>
                  <a:gd name="T5" fmla="*/ 0 h 1590"/>
                  <a:gd name="T6" fmla="*/ 1 w 970"/>
                  <a:gd name="T7" fmla="*/ 0 h 1590"/>
                  <a:gd name="T8" fmla="*/ 1 w 970"/>
                  <a:gd name="T9" fmla="*/ 0 h 1590"/>
                  <a:gd name="T10" fmla="*/ 1 w 970"/>
                  <a:gd name="T11" fmla="*/ 0 h 1590"/>
                  <a:gd name="T12" fmla="*/ 1 w 970"/>
                  <a:gd name="T13" fmla="*/ 0 h 1590"/>
                  <a:gd name="T14" fmla="*/ 1 w 970"/>
                  <a:gd name="T15" fmla="*/ 0 h 1590"/>
                  <a:gd name="T16" fmla="*/ 1 w 970"/>
                  <a:gd name="T17" fmla="*/ 0 h 1590"/>
                  <a:gd name="T18" fmla="*/ 1 w 970"/>
                  <a:gd name="T19" fmla="*/ 0 h 1590"/>
                  <a:gd name="T20" fmla="*/ 1 w 970"/>
                  <a:gd name="T21" fmla="*/ 0 h 1590"/>
                  <a:gd name="T22" fmla="*/ 1 w 970"/>
                  <a:gd name="T23" fmla="*/ 0 h 1590"/>
                  <a:gd name="T24" fmla="*/ 1 w 970"/>
                  <a:gd name="T25" fmla="*/ 0 h 1590"/>
                  <a:gd name="T26" fmla="*/ 0 w 970"/>
                  <a:gd name="T27" fmla="*/ 0 h 1590"/>
                  <a:gd name="T28" fmla="*/ 0 w 970"/>
                  <a:gd name="T29" fmla="*/ 0 h 1590"/>
                  <a:gd name="T30" fmla="*/ 0 w 970"/>
                  <a:gd name="T31" fmla="*/ 0 h 1590"/>
                  <a:gd name="T32" fmla="*/ 0 w 970"/>
                  <a:gd name="T33" fmla="*/ 0 h 1590"/>
                  <a:gd name="T34" fmla="*/ 0 w 970"/>
                  <a:gd name="T35" fmla="*/ 0 h 1590"/>
                  <a:gd name="T36" fmla="*/ 0 w 970"/>
                  <a:gd name="T37" fmla="*/ 0 h 1590"/>
                  <a:gd name="T38" fmla="*/ 0 w 970"/>
                  <a:gd name="T39" fmla="*/ 0 h 1590"/>
                  <a:gd name="T40" fmla="*/ 0 w 970"/>
                  <a:gd name="T41" fmla="*/ 0 h 1590"/>
                  <a:gd name="T42" fmla="*/ 0 w 970"/>
                  <a:gd name="T43" fmla="*/ 0 h 1590"/>
                  <a:gd name="T44" fmla="*/ 0 w 970"/>
                  <a:gd name="T45" fmla="*/ 0 h 1590"/>
                  <a:gd name="T46" fmla="*/ 0 w 970"/>
                  <a:gd name="T47" fmla="*/ 0 h 1590"/>
                  <a:gd name="T48" fmla="*/ 0 w 970"/>
                  <a:gd name="T49" fmla="*/ 0 h 1590"/>
                  <a:gd name="T50" fmla="*/ 0 w 970"/>
                  <a:gd name="T51" fmla="*/ 0 h 1590"/>
                  <a:gd name="T52" fmla="*/ 0 w 970"/>
                  <a:gd name="T53" fmla="*/ 0 h 1590"/>
                  <a:gd name="T54" fmla="*/ 0 w 970"/>
                  <a:gd name="T55" fmla="*/ 0 h 1590"/>
                  <a:gd name="T56" fmla="*/ 0 w 970"/>
                  <a:gd name="T57" fmla="*/ 0 h 1590"/>
                  <a:gd name="T58" fmla="*/ 0 w 970"/>
                  <a:gd name="T59" fmla="*/ 0 h 1590"/>
                  <a:gd name="T60" fmla="*/ 0 w 970"/>
                  <a:gd name="T61" fmla="*/ 0 h 1590"/>
                  <a:gd name="T62" fmla="*/ 0 w 970"/>
                  <a:gd name="T63" fmla="*/ 0 h 1590"/>
                  <a:gd name="T64" fmla="*/ 1 w 970"/>
                  <a:gd name="T65" fmla="*/ 0 h 1590"/>
                  <a:gd name="T66" fmla="*/ 1 w 970"/>
                  <a:gd name="T67" fmla="*/ 0 h 1590"/>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970"/>
                  <a:gd name="T103" fmla="*/ 0 h 1590"/>
                  <a:gd name="T104" fmla="*/ 970 w 970"/>
                  <a:gd name="T105" fmla="*/ 1590 h 1590"/>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970" h="1590">
                    <a:moveTo>
                      <a:pt x="648" y="88"/>
                    </a:moveTo>
                    <a:lnTo>
                      <a:pt x="760" y="300"/>
                    </a:lnTo>
                    <a:lnTo>
                      <a:pt x="840" y="280"/>
                    </a:lnTo>
                    <a:lnTo>
                      <a:pt x="730" y="400"/>
                    </a:lnTo>
                    <a:lnTo>
                      <a:pt x="870" y="810"/>
                    </a:lnTo>
                    <a:lnTo>
                      <a:pt x="810" y="860"/>
                    </a:lnTo>
                    <a:lnTo>
                      <a:pt x="890" y="860"/>
                    </a:lnTo>
                    <a:lnTo>
                      <a:pt x="970" y="1040"/>
                    </a:lnTo>
                    <a:lnTo>
                      <a:pt x="850" y="1120"/>
                    </a:lnTo>
                    <a:lnTo>
                      <a:pt x="940" y="1250"/>
                    </a:lnTo>
                    <a:lnTo>
                      <a:pt x="680" y="1380"/>
                    </a:lnTo>
                    <a:lnTo>
                      <a:pt x="630" y="1460"/>
                    </a:lnTo>
                    <a:lnTo>
                      <a:pt x="560" y="1470"/>
                    </a:lnTo>
                    <a:lnTo>
                      <a:pt x="410" y="1590"/>
                    </a:lnTo>
                    <a:lnTo>
                      <a:pt x="350" y="1590"/>
                    </a:lnTo>
                    <a:lnTo>
                      <a:pt x="360" y="1480"/>
                    </a:lnTo>
                    <a:lnTo>
                      <a:pt x="310" y="1390"/>
                    </a:lnTo>
                    <a:lnTo>
                      <a:pt x="220" y="1380"/>
                    </a:lnTo>
                    <a:lnTo>
                      <a:pt x="120" y="1450"/>
                    </a:lnTo>
                    <a:lnTo>
                      <a:pt x="0" y="1340"/>
                    </a:lnTo>
                    <a:lnTo>
                      <a:pt x="140" y="1320"/>
                    </a:lnTo>
                    <a:lnTo>
                      <a:pt x="220" y="1270"/>
                    </a:lnTo>
                    <a:lnTo>
                      <a:pt x="120" y="1180"/>
                    </a:lnTo>
                    <a:lnTo>
                      <a:pt x="20" y="1150"/>
                    </a:lnTo>
                    <a:lnTo>
                      <a:pt x="0" y="970"/>
                    </a:lnTo>
                    <a:lnTo>
                      <a:pt x="190" y="910"/>
                    </a:lnTo>
                    <a:lnTo>
                      <a:pt x="310" y="710"/>
                    </a:lnTo>
                    <a:lnTo>
                      <a:pt x="260" y="650"/>
                    </a:lnTo>
                    <a:lnTo>
                      <a:pt x="410" y="400"/>
                    </a:lnTo>
                    <a:lnTo>
                      <a:pt x="330" y="170"/>
                    </a:lnTo>
                    <a:lnTo>
                      <a:pt x="420" y="100"/>
                    </a:lnTo>
                    <a:lnTo>
                      <a:pt x="530" y="20"/>
                    </a:lnTo>
                    <a:lnTo>
                      <a:pt x="630" y="0"/>
                    </a:lnTo>
                    <a:lnTo>
                      <a:pt x="648" y="88"/>
                    </a:lnTo>
                    <a:close/>
                  </a:path>
                </a:pathLst>
              </a:custGeom>
              <a:solidFill>
                <a:srgbClr val="CBCBCB"/>
              </a:solidFill>
              <a:ln w="12700">
                <a:solidFill>
                  <a:schemeClr val="bg1"/>
                </a:solidFill>
                <a:round/>
                <a:headEnd/>
                <a:tailEnd/>
              </a:ln>
            </p:spPr>
            <p:txBody>
              <a:bodyPr/>
              <a:lstStyle/>
              <a:p>
                <a:endParaRPr lang="de-CH" dirty="0"/>
              </a:p>
            </p:txBody>
          </p:sp>
          <p:sp>
            <p:nvSpPr>
              <p:cNvPr id="85" name="Freeform 135"/>
              <p:cNvSpPr>
                <a:spLocks/>
              </p:cNvSpPr>
              <p:nvPr/>
            </p:nvSpPr>
            <p:spPr bwMode="auto">
              <a:xfrm>
                <a:off x="3026" y="2538"/>
                <a:ext cx="152" cy="132"/>
              </a:xfrm>
              <a:custGeom>
                <a:avLst/>
                <a:gdLst>
                  <a:gd name="T0" fmla="*/ 2147483647 w 114"/>
                  <a:gd name="T1" fmla="*/ 2147483647 h 97"/>
                  <a:gd name="T2" fmla="*/ 2147483647 w 114"/>
                  <a:gd name="T3" fmla="*/ 0 h 97"/>
                  <a:gd name="T4" fmla="*/ 0 w 114"/>
                  <a:gd name="T5" fmla="*/ 2147483647 h 97"/>
                  <a:gd name="T6" fmla="*/ 2147483647 w 114"/>
                  <a:gd name="T7" fmla="*/ 2147483647 h 97"/>
                  <a:gd name="T8" fmla="*/ 2147483647 w 114"/>
                  <a:gd name="T9" fmla="*/ 2147483647 h 97"/>
                  <a:gd name="T10" fmla="*/ 2147483647 w 114"/>
                  <a:gd name="T11" fmla="*/ 2147483647 h 97"/>
                  <a:gd name="T12" fmla="*/ 2147483647 w 114"/>
                  <a:gd name="T13" fmla="*/ 2147483647 h 97"/>
                  <a:gd name="T14" fmla="*/ 2147483647 w 114"/>
                  <a:gd name="T15" fmla="*/ 2147483647 h 97"/>
                  <a:gd name="T16" fmla="*/ 2147483647 w 114"/>
                  <a:gd name="T17" fmla="*/ 2147483647 h 97"/>
                  <a:gd name="T18" fmla="*/ 2147483647 w 114"/>
                  <a:gd name="T19" fmla="*/ 2147483647 h 97"/>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114"/>
                  <a:gd name="T31" fmla="*/ 0 h 97"/>
                  <a:gd name="T32" fmla="*/ 114 w 114"/>
                  <a:gd name="T33" fmla="*/ 97 h 97"/>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114" h="97">
                    <a:moveTo>
                      <a:pt x="52" y="16"/>
                    </a:moveTo>
                    <a:lnTo>
                      <a:pt x="35" y="0"/>
                    </a:lnTo>
                    <a:lnTo>
                      <a:pt x="0" y="24"/>
                    </a:lnTo>
                    <a:lnTo>
                      <a:pt x="35" y="64"/>
                    </a:lnTo>
                    <a:lnTo>
                      <a:pt x="26" y="88"/>
                    </a:lnTo>
                    <a:lnTo>
                      <a:pt x="52" y="96"/>
                    </a:lnTo>
                    <a:lnTo>
                      <a:pt x="96" y="88"/>
                    </a:lnTo>
                    <a:lnTo>
                      <a:pt x="113" y="32"/>
                    </a:lnTo>
                    <a:lnTo>
                      <a:pt x="96" y="8"/>
                    </a:lnTo>
                    <a:lnTo>
                      <a:pt x="52" y="16"/>
                    </a:lnTo>
                  </a:path>
                </a:pathLst>
              </a:custGeom>
              <a:solidFill>
                <a:srgbClr val="808080"/>
              </a:solidFill>
              <a:ln w="12700" cap="rnd">
                <a:solidFill>
                  <a:schemeClr val="bg1"/>
                </a:solidFill>
                <a:round/>
                <a:headEnd/>
                <a:tailEnd/>
              </a:ln>
            </p:spPr>
            <p:txBody>
              <a:bodyPr/>
              <a:lstStyle/>
              <a:p>
                <a:endParaRPr lang="de-CH" dirty="0"/>
              </a:p>
            </p:txBody>
          </p:sp>
        </p:grpSp>
      </p:grpSp>
      <p:sp>
        <p:nvSpPr>
          <p:cNvPr id="3" name="Textfeld 2"/>
          <p:cNvSpPr txBox="1"/>
          <p:nvPr>
            <p:custDataLst>
              <p:tags r:id="rId3"/>
            </p:custDataLst>
          </p:nvPr>
        </p:nvSpPr>
        <p:spPr>
          <a:xfrm>
            <a:off x="195145" y="2764259"/>
            <a:ext cx="2138774" cy="707886"/>
          </a:xfrm>
          <a:prstGeom prst="rect">
            <a:avLst/>
          </a:prstGeom>
          <a:noFill/>
        </p:spPr>
        <p:txBody>
          <a:bodyPr wrap="square" rtlCol="0">
            <a:spAutoFit/>
          </a:bodyPr>
          <a:lstStyle/>
          <a:p>
            <a:r>
              <a:rPr lang="de-CH" sz="2000" dirty="0">
                <a:cs typeface="Arial" panose="020B0604020202020204" pitchFamily="34" charset="0"/>
              </a:rPr>
              <a:t>Plan </a:t>
            </a:r>
            <a:r>
              <a:rPr lang="de-CH" sz="2000" dirty="0" err="1">
                <a:cs typeface="Arial" panose="020B0604020202020204" pitchFamily="34" charset="0"/>
              </a:rPr>
              <a:t>d’études</a:t>
            </a:r>
            <a:r>
              <a:rPr lang="de-CH" sz="2000" dirty="0">
                <a:cs typeface="Arial" panose="020B0604020202020204" pitchFamily="34" charset="0"/>
              </a:rPr>
              <a:t> </a:t>
            </a:r>
            <a:r>
              <a:rPr lang="de-CH" sz="2000" dirty="0" err="1">
                <a:cs typeface="Arial" panose="020B0604020202020204" pitchFamily="34" charset="0"/>
              </a:rPr>
              <a:t>romand</a:t>
            </a:r>
            <a:r>
              <a:rPr lang="de-CH" sz="2000" dirty="0">
                <a:cs typeface="Arial" panose="020B0604020202020204" pitchFamily="34" charset="0"/>
              </a:rPr>
              <a:t> (PER)</a:t>
            </a:r>
          </a:p>
        </p:txBody>
      </p:sp>
      <p:cxnSp>
        <p:nvCxnSpPr>
          <p:cNvPr id="115" name="Gerade Verbindung mit Pfeil 114"/>
          <p:cNvCxnSpPr/>
          <p:nvPr/>
        </p:nvCxnSpPr>
        <p:spPr>
          <a:xfrm>
            <a:off x="911527" y="3536223"/>
            <a:ext cx="1425065" cy="330174"/>
          </a:xfrm>
          <a:prstGeom prst="straightConnector1">
            <a:avLst/>
          </a:prstGeom>
          <a:ln w="889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
        <p:nvSpPr>
          <p:cNvPr id="124" name="Textfeld 123"/>
          <p:cNvSpPr txBox="1"/>
          <p:nvPr>
            <p:custDataLst>
              <p:tags r:id="rId4"/>
            </p:custDataLst>
          </p:nvPr>
        </p:nvSpPr>
        <p:spPr>
          <a:xfrm>
            <a:off x="258727" y="930101"/>
            <a:ext cx="8583019" cy="769441"/>
          </a:xfrm>
          <a:prstGeom prst="rect">
            <a:avLst/>
          </a:prstGeom>
          <a:noFill/>
        </p:spPr>
        <p:txBody>
          <a:bodyPr wrap="square" rtlCol="0">
            <a:spAutoFit/>
          </a:bodyPr>
          <a:lstStyle/>
          <a:p>
            <a:r>
              <a:rPr lang="de-CH" sz="2200" dirty="0">
                <a:cs typeface="Arial" panose="020B0604020202020204" pitchFamily="34" charset="0"/>
              </a:rPr>
              <a:t>Erster gemeinsamer Lehrplan der deutsch- und mehrsprachigen Kantone: Lehrplan 21</a:t>
            </a:r>
          </a:p>
        </p:txBody>
      </p:sp>
      <p:cxnSp>
        <p:nvCxnSpPr>
          <p:cNvPr id="125" name="Gerade Verbindung mit Pfeil 124"/>
          <p:cNvCxnSpPr/>
          <p:nvPr/>
        </p:nvCxnSpPr>
        <p:spPr>
          <a:xfrm>
            <a:off x="2068223" y="1421403"/>
            <a:ext cx="2358955" cy="1769352"/>
          </a:xfrm>
          <a:prstGeom prst="straightConnector1">
            <a:avLst/>
          </a:prstGeom>
          <a:ln w="889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
        <p:nvSpPr>
          <p:cNvPr id="117" name="Textfeld 116"/>
          <p:cNvSpPr txBox="1"/>
          <p:nvPr>
            <p:custDataLst>
              <p:tags r:id="rId5"/>
            </p:custDataLst>
          </p:nvPr>
        </p:nvSpPr>
        <p:spPr>
          <a:xfrm>
            <a:off x="7010571" y="5357078"/>
            <a:ext cx="1972239" cy="400110"/>
          </a:xfrm>
          <a:prstGeom prst="rect">
            <a:avLst/>
          </a:prstGeom>
          <a:noFill/>
        </p:spPr>
        <p:txBody>
          <a:bodyPr wrap="square" rtlCol="0">
            <a:spAutoFit/>
          </a:bodyPr>
          <a:lstStyle/>
          <a:p>
            <a:r>
              <a:rPr lang="de-CH" sz="2000" dirty="0">
                <a:cs typeface="Arial" panose="020B0604020202020204" pitchFamily="34" charset="0"/>
              </a:rPr>
              <a:t>Piano di </a:t>
            </a:r>
            <a:r>
              <a:rPr lang="de-CH" sz="2000" dirty="0" err="1">
                <a:cs typeface="Arial" panose="020B0604020202020204" pitchFamily="34" charset="0"/>
              </a:rPr>
              <a:t>studio</a:t>
            </a:r>
            <a:endParaRPr lang="de-CH" sz="2000" dirty="0">
              <a:cs typeface="Arial" panose="020B0604020202020204" pitchFamily="34" charset="0"/>
            </a:endParaRPr>
          </a:p>
        </p:txBody>
      </p:sp>
      <p:cxnSp>
        <p:nvCxnSpPr>
          <p:cNvPr id="118" name="Gerade Verbindung mit Pfeil 117"/>
          <p:cNvCxnSpPr/>
          <p:nvPr/>
        </p:nvCxnSpPr>
        <p:spPr>
          <a:xfrm flipH="1" flipV="1">
            <a:off x="5638572" y="4902594"/>
            <a:ext cx="1276492" cy="613277"/>
          </a:xfrm>
          <a:prstGeom prst="straightConnector1">
            <a:avLst/>
          </a:prstGeom>
          <a:ln w="88900">
            <a:solidFill>
              <a:schemeClr val="accent3"/>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79417194"/>
      </p:ext>
    </p:extLst>
  </p:cSld>
  <p:clrMapOvr>
    <a:masterClrMapping/>
  </p:clrMapOvr>
  <p:transition spd="med">
    <p:pull/>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Gesetzgebung</a:t>
            </a:r>
          </a:p>
        </p:txBody>
      </p:sp>
      <p:sp>
        <p:nvSpPr>
          <p:cNvPr id="5" name="Textplatzhalter 4"/>
          <p:cNvSpPr>
            <a:spLocks noGrp="1"/>
          </p:cNvSpPr>
          <p:nvPr>
            <p:ph type="body" sz="quarter" idx="14"/>
          </p:nvPr>
        </p:nvSpPr>
        <p:spPr/>
        <p:txBody>
          <a:bodyPr/>
          <a:lstStyle/>
          <a:p>
            <a:endParaRPr lang="de-CH" dirty="0"/>
          </a:p>
        </p:txBody>
      </p:sp>
      <p:sp>
        <p:nvSpPr>
          <p:cNvPr id="6" name="Rechteck 5"/>
          <p:cNvSpPr/>
          <p:nvPr>
            <p:custDataLst>
              <p:tags r:id="rId2"/>
            </p:custDataLst>
          </p:nvPr>
        </p:nvSpPr>
        <p:spPr bwMode="auto">
          <a:xfrm>
            <a:off x="395536" y="1124744"/>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de-CH" sz="2400" b="0" i="0" u="none" strike="noStrike" cap="none" normalizeH="0" baseline="0" dirty="0">
                <a:ln>
                  <a:noFill/>
                </a:ln>
                <a:solidFill>
                  <a:schemeClr val="tx1"/>
                </a:solidFill>
                <a:effectLst/>
              </a:rPr>
              <a:t>Bundesgesetzgebung</a:t>
            </a:r>
          </a:p>
        </p:txBody>
      </p:sp>
      <p:sp>
        <p:nvSpPr>
          <p:cNvPr id="7" name="Rechteck 6"/>
          <p:cNvSpPr/>
          <p:nvPr>
            <p:custDataLst>
              <p:tags r:id="rId3"/>
            </p:custDataLst>
          </p:nvPr>
        </p:nvSpPr>
        <p:spPr bwMode="auto">
          <a:xfrm>
            <a:off x="395536" y="1880872"/>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de-CH" sz="2400" b="0" i="0" u="none" strike="noStrike" cap="none" normalizeH="0" baseline="0" dirty="0">
                <a:ln>
                  <a:noFill/>
                </a:ln>
                <a:solidFill>
                  <a:schemeClr val="tx1"/>
                </a:solidFill>
                <a:effectLst/>
              </a:rPr>
              <a:t>Konkordate</a:t>
            </a:r>
          </a:p>
        </p:txBody>
      </p:sp>
      <p:sp>
        <p:nvSpPr>
          <p:cNvPr id="8" name="Rechteck 7"/>
          <p:cNvSpPr/>
          <p:nvPr>
            <p:custDataLst>
              <p:tags r:id="rId4"/>
            </p:custDataLst>
          </p:nvPr>
        </p:nvSpPr>
        <p:spPr bwMode="auto">
          <a:xfrm>
            <a:off x="395536" y="2600952"/>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lang="de-CH" sz="2400" dirty="0"/>
              <a:t>Kantonsverfassung</a:t>
            </a:r>
            <a:endParaRPr kumimoji="0" lang="de-CH" sz="2400" b="0" i="0" u="none" strike="noStrike" cap="none" normalizeH="0" baseline="0" dirty="0">
              <a:ln>
                <a:noFill/>
              </a:ln>
              <a:solidFill>
                <a:schemeClr val="tx1"/>
              </a:solidFill>
              <a:effectLst/>
            </a:endParaRPr>
          </a:p>
        </p:txBody>
      </p:sp>
      <p:sp>
        <p:nvSpPr>
          <p:cNvPr id="9" name="Rechteck 8"/>
          <p:cNvSpPr/>
          <p:nvPr>
            <p:custDataLst>
              <p:tags r:id="rId5"/>
            </p:custDataLst>
          </p:nvPr>
        </p:nvSpPr>
        <p:spPr bwMode="auto">
          <a:xfrm>
            <a:off x="395536" y="3249024"/>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de-CH" sz="2400" b="0" i="0" u="none" strike="noStrike" cap="none" normalizeH="0" baseline="0" dirty="0">
                <a:ln>
                  <a:noFill/>
                </a:ln>
                <a:solidFill>
                  <a:schemeClr val="tx1"/>
                </a:solidFill>
                <a:effectLst/>
              </a:rPr>
              <a:t>Gesetze</a:t>
            </a:r>
          </a:p>
        </p:txBody>
      </p:sp>
      <p:sp>
        <p:nvSpPr>
          <p:cNvPr id="10" name="Rechteck 9"/>
          <p:cNvSpPr/>
          <p:nvPr>
            <p:custDataLst>
              <p:tags r:id="rId6"/>
            </p:custDataLst>
          </p:nvPr>
        </p:nvSpPr>
        <p:spPr bwMode="auto">
          <a:xfrm>
            <a:off x="395536" y="3897096"/>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lang="de-CH" sz="2400" dirty="0"/>
              <a:t>Verordnungen</a:t>
            </a:r>
            <a:endParaRPr kumimoji="0" lang="de-CH" sz="2400" b="0" i="0" u="none" strike="noStrike" cap="none" normalizeH="0" baseline="0" dirty="0">
              <a:ln>
                <a:noFill/>
              </a:ln>
              <a:solidFill>
                <a:schemeClr val="tx1"/>
              </a:solidFill>
              <a:effectLst/>
            </a:endParaRPr>
          </a:p>
        </p:txBody>
      </p:sp>
      <p:sp>
        <p:nvSpPr>
          <p:cNvPr id="11" name="Rechteck 10"/>
          <p:cNvSpPr/>
          <p:nvPr>
            <p:custDataLst>
              <p:tags r:id="rId7"/>
            </p:custDataLst>
          </p:nvPr>
        </p:nvSpPr>
        <p:spPr bwMode="auto">
          <a:xfrm>
            <a:off x="395536" y="4581128"/>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de-CH" sz="2400" b="0" i="0" u="none" strike="noStrike" cap="none" normalizeH="0" baseline="0" dirty="0">
                <a:ln>
                  <a:noFill/>
                </a:ln>
                <a:solidFill>
                  <a:schemeClr val="tx1"/>
                </a:solidFill>
                <a:effectLst/>
              </a:rPr>
              <a:t>Reglemente</a:t>
            </a:r>
          </a:p>
        </p:txBody>
      </p:sp>
      <p:sp>
        <p:nvSpPr>
          <p:cNvPr id="12" name="Rechteck 11"/>
          <p:cNvSpPr/>
          <p:nvPr>
            <p:custDataLst>
              <p:tags r:id="rId8"/>
            </p:custDataLst>
          </p:nvPr>
        </p:nvSpPr>
        <p:spPr bwMode="auto">
          <a:xfrm>
            <a:off x="395536" y="5265248"/>
            <a:ext cx="5112568" cy="396000"/>
          </a:xfrm>
          <a:prstGeom prst="rect">
            <a:avLst/>
          </a:prstGeom>
          <a:solidFill>
            <a:schemeClr val="bg2">
              <a:lumMod val="20000"/>
              <a:lumOff val="80000"/>
            </a:schemeClr>
          </a:solidFill>
          <a:ln w="12700" cap="flat" cmpd="sng" algn="ctr">
            <a:solidFill>
              <a:schemeClr val="tx1"/>
            </a:solidFill>
            <a:prstDash val="solid"/>
            <a:round/>
            <a:headEnd type="none" w="sm" len="sm"/>
            <a:tailEnd type="none" w="sm" len="sm"/>
          </a:ln>
          <a:effectLst/>
        </p:spPr>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lang="de-CH" sz="2400" dirty="0"/>
              <a:t>Weisungen/Richtlinien</a:t>
            </a:r>
            <a:endParaRPr kumimoji="0" lang="de-CH" sz="2400" b="0" i="0" u="none" strike="noStrike" cap="none" normalizeH="0" baseline="0" dirty="0">
              <a:ln>
                <a:noFill/>
              </a:ln>
              <a:solidFill>
                <a:schemeClr val="tx1"/>
              </a:solidFill>
              <a:effectLst/>
            </a:endParaRPr>
          </a:p>
        </p:txBody>
      </p:sp>
      <p:sp>
        <p:nvSpPr>
          <p:cNvPr id="13" name="Rechteck 12"/>
          <p:cNvSpPr/>
          <p:nvPr>
            <p:custDataLst>
              <p:tags r:id="rId9"/>
            </p:custDataLst>
          </p:nvPr>
        </p:nvSpPr>
        <p:spPr>
          <a:xfrm>
            <a:off x="5940152" y="1196752"/>
            <a:ext cx="2952328" cy="46085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endParaRPr lang="de-CH" dirty="0">
              <a:solidFill>
                <a:sysClr val="windowText" lastClr="000000"/>
              </a:solidFill>
            </a:endParaRPr>
          </a:p>
          <a:p>
            <a:endParaRPr lang="de-CH" sz="2800" dirty="0">
              <a:solidFill>
                <a:sysClr val="windowText" lastClr="000000"/>
              </a:solidFill>
            </a:endParaRPr>
          </a:p>
          <a:p>
            <a:r>
              <a:rPr lang="de-CH" dirty="0">
                <a:solidFill>
                  <a:sysClr val="windowText" lastClr="000000"/>
                </a:solidFill>
              </a:rPr>
              <a:t>Vertrag zwischen Kantonen</a:t>
            </a:r>
          </a:p>
          <a:p>
            <a:endParaRPr lang="de-CH" sz="1300" dirty="0">
              <a:solidFill>
                <a:sysClr val="windowText" lastClr="000000"/>
              </a:solidFill>
            </a:endParaRPr>
          </a:p>
          <a:p>
            <a:endParaRPr lang="de-CH" dirty="0">
              <a:solidFill>
                <a:sysClr val="windowText" lastClr="000000"/>
              </a:solidFill>
            </a:endParaRPr>
          </a:p>
          <a:p>
            <a:r>
              <a:rPr lang="de-CH" dirty="0">
                <a:solidFill>
                  <a:sysClr val="windowText" lastClr="000000"/>
                </a:solidFill>
              </a:rPr>
              <a:t>Volk</a:t>
            </a:r>
          </a:p>
          <a:p>
            <a:endParaRPr lang="de-CH" sz="2400" dirty="0">
              <a:solidFill>
                <a:sysClr val="windowText" lastClr="000000"/>
              </a:solidFill>
            </a:endParaRPr>
          </a:p>
          <a:p>
            <a:r>
              <a:rPr lang="de-CH" dirty="0">
                <a:solidFill>
                  <a:sysClr val="windowText" lastClr="000000"/>
                </a:solidFill>
              </a:rPr>
              <a:t>Volk</a:t>
            </a:r>
          </a:p>
          <a:p>
            <a:endParaRPr lang="de-CH" sz="2400" dirty="0">
              <a:solidFill>
                <a:sysClr val="windowText" lastClr="000000"/>
              </a:solidFill>
            </a:endParaRPr>
          </a:p>
          <a:p>
            <a:r>
              <a:rPr lang="de-CH" dirty="0">
                <a:solidFill>
                  <a:sysClr val="windowText" lastClr="000000"/>
                </a:solidFill>
              </a:rPr>
              <a:t>Landrat/Volk</a:t>
            </a:r>
          </a:p>
          <a:p>
            <a:endParaRPr lang="de-CH" sz="2800" dirty="0">
              <a:solidFill>
                <a:sysClr val="windowText" lastClr="000000"/>
              </a:solidFill>
            </a:endParaRPr>
          </a:p>
          <a:p>
            <a:r>
              <a:rPr lang="de-CH" dirty="0">
                <a:solidFill>
                  <a:sysClr val="windowText" lastClr="000000"/>
                </a:solidFill>
              </a:rPr>
              <a:t>Regierungsrat/Erziehungsrat</a:t>
            </a:r>
          </a:p>
          <a:p>
            <a:endParaRPr lang="de-CH" sz="2400" dirty="0">
              <a:solidFill>
                <a:sysClr val="windowText" lastClr="000000"/>
              </a:solidFill>
            </a:endParaRPr>
          </a:p>
          <a:p>
            <a:r>
              <a:rPr lang="de-CH" dirty="0">
                <a:solidFill>
                  <a:sysClr val="windowText" lastClr="000000"/>
                </a:solidFill>
              </a:rPr>
              <a:t>Erziehungsrat</a:t>
            </a:r>
          </a:p>
          <a:p>
            <a:endParaRPr lang="de-CH" dirty="0">
              <a:solidFill>
                <a:sysClr val="windowText" lastClr="000000"/>
              </a:solidFill>
            </a:endParaRPr>
          </a:p>
        </p:txBody>
      </p:sp>
    </p:spTree>
    <p:extLst>
      <p:ext uri="{BB962C8B-B14F-4D97-AF65-F5344CB8AC3E}">
        <p14:creationId xmlns:p14="http://schemas.microsoft.com/office/powerpoint/2010/main" val="1542065477"/>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1"/>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12"/>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13">
                                            <p:txEl>
                                              <p:pRg st="2" end="2"/>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13">
                                            <p:txEl>
                                              <p:pRg st="5" end="5"/>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13">
                                            <p:txEl>
                                              <p:pRg st="7" end="7"/>
                                            </p:txEl>
                                          </p:spTgt>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3">
                                            <p:txEl>
                                              <p:pRg st="9" end="9"/>
                                            </p:txEl>
                                          </p:spTgt>
                                        </p:tgtEl>
                                        <p:attrNameLst>
                                          <p:attrName>style.visibility</p:attrName>
                                        </p:attrNameLst>
                                      </p:cBhvr>
                                      <p:to>
                                        <p:strVal val="visible"/>
                                      </p:to>
                                    </p:set>
                                  </p:childTnLst>
                                </p:cTn>
                              </p:par>
                            </p:childTnLst>
                          </p:cTn>
                        </p:par>
                      </p:childTnLst>
                    </p:cTn>
                  </p:par>
                  <p:par>
                    <p:cTn id="47" fill="hold">
                      <p:stCondLst>
                        <p:cond delay="indefinite"/>
                      </p:stCondLst>
                      <p:childTnLst>
                        <p:par>
                          <p:cTn id="48" fill="hold">
                            <p:stCondLst>
                              <p:cond delay="0"/>
                            </p:stCondLst>
                            <p:childTnLst>
                              <p:par>
                                <p:cTn id="49" presetID="1" presetClass="entr" presetSubtype="0" fill="hold" nodeType="clickEffect">
                                  <p:stCondLst>
                                    <p:cond delay="0"/>
                                  </p:stCondLst>
                                  <p:childTnLst>
                                    <p:set>
                                      <p:cBhvr>
                                        <p:cTn id="50" dur="1" fill="hold">
                                          <p:stCondLst>
                                            <p:cond delay="0"/>
                                          </p:stCondLst>
                                        </p:cTn>
                                        <p:tgtEl>
                                          <p:spTgt spid="13">
                                            <p:txEl>
                                              <p:pRg st="11" end="11"/>
                                            </p:txEl>
                                          </p:spTgt>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nodeType="clickEffect">
                                  <p:stCondLst>
                                    <p:cond delay="0"/>
                                  </p:stCondLst>
                                  <p:childTnLst>
                                    <p:set>
                                      <p:cBhvr>
                                        <p:cTn id="54" dur="1" fill="hold">
                                          <p:stCondLst>
                                            <p:cond delay="0"/>
                                          </p:stCondLst>
                                        </p:cTn>
                                        <p:tgtEl>
                                          <p:spTgt spid="13">
                                            <p:txEl>
                                              <p:pRg st="13" end="1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P spid="9" grpId="0" animBg="1"/>
      <p:bldP spid="10" grpId="0" animBg="1"/>
      <p:bldP spid="11" grpId="0" animBg="1"/>
      <p:bldP spid="12"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Wo finde ich was?</a:t>
            </a:r>
          </a:p>
        </p:txBody>
      </p:sp>
      <p:sp>
        <p:nvSpPr>
          <p:cNvPr id="3" name="Inhaltsplatzhalter 2"/>
          <p:cNvSpPr>
            <a:spLocks noGrp="1"/>
          </p:cNvSpPr>
          <p:nvPr>
            <p:ph idx="1"/>
            <p:custDataLst>
              <p:tags r:id="rId2"/>
            </p:custDataLst>
          </p:nvPr>
        </p:nvSpPr>
        <p:spPr/>
        <p:txBody>
          <a:bodyPr/>
          <a:lstStyle/>
          <a:p>
            <a:r>
              <a:rPr lang="de-CH" b="1" dirty="0">
                <a:solidFill>
                  <a:schemeClr val="bg1">
                    <a:lumMod val="10000"/>
                  </a:schemeClr>
                </a:solidFill>
              </a:rPr>
              <a:t>Amtsblatt des Kantons Uri</a:t>
            </a:r>
          </a:p>
          <a:p>
            <a:r>
              <a:rPr lang="de-CH" dirty="0">
                <a:solidFill>
                  <a:schemeClr val="bg1">
                    <a:lumMod val="10000"/>
                  </a:schemeClr>
                </a:solidFill>
              </a:rPr>
              <a:t>Veröffentlichung aller neuen gesetzlichen Erlasse des kantonalen Rechts</a:t>
            </a:r>
            <a:br>
              <a:rPr lang="de-CH" dirty="0">
                <a:solidFill>
                  <a:schemeClr val="bg1">
                    <a:lumMod val="10000"/>
                  </a:schemeClr>
                </a:solidFill>
              </a:rPr>
            </a:br>
            <a:r>
              <a:rPr lang="de-CH" dirty="0">
                <a:solidFill>
                  <a:schemeClr val="bg1">
                    <a:lumMod val="10000"/>
                  </a:schemeClr>
                </a:solidFill>
              </a:rPr>
              <a:t>(Gesetze, Verordnungen, Reglemente und sonstige allgemeinverbindliche Erlasse)</a:t>
            </a:r>
          </a:p>
          <a:p>
            <a:endParaRPr lang="de-CH" dirty="0">
              <a:solidFill>
                <a:schemeClr val="bg1">
                  <a:lumMod val="10000"/>
                </a:schemeClr>
              </a:solidFill>
            </a:endParaRPr>
          </a:p>
          <a:p>
            <a:r>
              <a:rPr lang="de-CH" b="1" dirty="0">
                <a:solidFill>
                  <a:schemeClr val="bg1">
                    <a:lumMod val="10000"/>
                  </a:schemeClr>
                </a:solidFill>
              </a:rPr>
              <a:t>Urner Rechtsbuch</a:t>
            </a:r>
          </a:p>
          <a:p>
            <a:r>
              <a:rPr lang="de-CH" dirty="0">
                <a:solidFill>
                  <a:schemeClr val="bg1">
                    <a:lumMod val="10000"/>
                  </a:schemeClr>
                </a:solidFill>
              </a:rPr>
              <a:t>Systematische Ablage der geltenden Erlasse</a:t>
            </a:r>
          </a:p>
          <a:p>
            <a:r>
              <a:rPr lang="de-CH" dirty="0">
                <a:solidFill>
                  <a:schemeClr val="bg1">
                    <a:lumMod val="10000"/>
                  </a:schemeClr>
                </a:solidFill>
              </a:rPr>
              <a:t>online verfügbar auf </a:t>
            </a:r>
            <a:r>
              <a:rPr lang="de-CH" dirty="0">
                <a:hlinkClick r:id="rId6"/>
              </a:rPr>
              <a:t>www.ur.ch</a:t>
            </a:r>
            <a:r>
              <a:rPr lang="de-CH" dirty="0"/>
              <a:t>  &gt; Aktuelles &gt; Rechtsbuch online</a:t>
            </a:r>
          </a:p>
          <a:p>
            <a:endParaRPr lang="de-CH" dirty="0"/>
          </a:p>
          <a:p>
            <a:r>
              <a:rPr lang="de-CH" b="1" dirty="0">
                <a:solidFill>
                  <a:schemeClr val="bg1">
                    <a:lumMod val="10000"/>
                  </a:schemeClr>
                </a:solidFill>
              </a:rPr>
              <a:t>Bildungsportal Uri</a:t>
            </a:r>
          </a:p>
          <a:p>
            <a:r>
              <a:rPr lang="de-CH" dirty="0">
                <a:solidFill>
                  <a:schemeClr val="bg1">
                    <a:lumMod val="10000"/>
                  </a:schemeClr>
                </a:solidFill>
              </a:rPr>
              <a:t>Ablage von Weisungen und Richtlinien des Erziehungsrats</a:t>
            </a:r>
          </a:p>
          <a:p>
            <a:r>
              <a:rPr lang="de-CH" dirty="0">
                <a:solidFill>
                  <a:schemeClr val="bg1">
                    <a:lumMod val="10000"/>
                  </a:schemeClr>
                </a:solidFill>
              </a:rPr>
              <a:t>online verfügbar auf </a:t>
            </a:r>
            <a:r>
              <a:rPr lang="de-CH" dirty="0">
                <a:hlinkClick r:id="rId7"/>
              </a:rPr>
              <a:t>www.bildungsportal-uri.ch</a:t>
            </a:r>
            <a:r>
              <a:rPr lang="de-CH" dirty="0"/>
              <a:t> </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2</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282746687"/>
      </p:ext>
    </p:extLst>
  </p:cSld>
  <p:clrMapOvr>
    <a:masterClrMapping/>
  </p:clrMapOvr>
  <p:transition spd="med">
    <p:pull/>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platzhalter 3"/>
          <p:cNvPicPr>
            <a:picLocks noGrp="1" noChangeAspect="1"/>
          </p:cNvPicPr>
          <p:nvPr>
            <p:ph type="pic" sz="quarter" idx="11"/>
          </p:nvPr>
        </p:nvPicPr>
        <p:blipFill>
          <a:blip r:embed="rId4">
            <a:extLst>
              <a:ext uri="{28A0092B-C50C-407E-A947-70E740481C1C}">
                <a14:useLocalDpi xmlns:a14="http://schemas.microsoft.com/office/drawing/2010/main" val="0"/>
              </a:ext>
            </a:extLst>
          </a:blip>
          <a:srcRect t="10" b="10"/>
          <a:stretch>
            <a:fillRect/>
          </a:stretch>
        </p:blipFill>
        <p:spPr/>
      </p:pic>
      <p:sp>
        <p:nvSpPr>
          <p:cNvPr id="3" name="Titel 2"/>
          <p:cNvSpPr>
            <a:spLocks noGrp="1"/>
          </p:cNvSpPr>
          <p:nvPr>
            <p:ph type="ctrTitle"/>
            <p:custDataLst>
              <p:tags r:id="rId1"/>
            </p:custDataLst>
          </p:nvPr>
        </p:nvSpPr>
        <p:spPr/>
        <p:txBody>
          <a:bodyPr/>
          <a:lstStyle/>
          <a:p>
            <a:r>
              <a:rPr lang="de-CH" dirty="0"/>
              <a:t>Kurze Pause</a:t>
            </a:r>
          </a:p>
        </p:txBody>
      </p:sp>
    </p:spTree>
    <p:extLst>
      <p:ext uri="{BB962C8B-B14F-4D97-AF65-F5344CB8AC3E}">
        <p14:creationId xmlns:p14="http://schemas.microsoft.com/office/powerpoint/2010/main" val="1371294521"/>
      </p:ext>
    </p:extLst>
  </p:cSld>
  <p:clrMapOvr>
    <a:masterClrMapping/>
  </p:clrMapOvr>
  <p:transition spd="med">
    <p:pull/>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dirty="0"/>
              <a:t>Die Kantonsverfassung vom 28. Oktober 1984 (RB 1.1101) hat das Bildungswesen wie folgt geregelt:</a:t>
            </a:r>
          </a:p>
          <a:p>
            <a:r>
              <a:rPr lang="de-CH" dirty="0"/>
              <a:t> </a:t>
            </a:r>
          </a:p>
          <a:p>
            <a:r>
              <a:rPr lang="de-CH" i="1" dirty="0"/>
              <a:t>Abschnitt: Bildungswesen</a:t>
            </a:r>
            <a:endParaRPr lang="de-CH" dirty="0"/>
          </a:p>
          <a:p>
            <a:r>
              <a:rPr lang="de-CH" i="1" dirty="0"/>
              <a:t> </a:t>
            </a:r>
            <a:endParaRPr lang="de-CH" dirty="0"/>
          </a:p>
          <a:p>
            <a:r>
              <a:rPr lang="de-CH" b="1" i="1" dirty="0"/>
              <a:t>Artikel 33</a:t>
            </a:r>
            <a:r>
              <a:rPr lang="de-CH" i="1" dirty="0"/>
              <a:t>	Öffentliche Schulen</a:t>
            </a:r>
            <a:endParaRPr lang="de-CH" dirty="0"/>
          </a:p>
          <a:p>
            <a:r>
              <a:rPr lang="de-CH" i="1" dirty="0"/>
              <a:t> </a:t>
            </a:r>
            <a:endParaRPr lang="de-CH" dirty="0"/>
          </a:p>
          <a:p>
            <a:r>
              <a:rPr lang="de-CH" i="1" dirty="0"/>
              <a:t>Der Kanton und die Gemeinden schaffen geeignete Voraussetzungen, damit alle Kinder und Jugendlichen ihren Anlagen entsprechend an öffentlichen Volks-, Mit­tel- und Berufsschulen unterrichtet werden können.</a:t>
            </a:r>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4</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191243124"/>
      </p:ext>
    </p:extLst>
  </p:cSld>
  <p:clrMapOvr>
    <a:masterClrMapping/>
  </p:clrMapOvr>
  <p:transition spd="med">
    <p:pull/>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b="1" i="1" dirty="0"/>
              <a:t>Artikel 34</a:t>
            </a:r>
            <a:r>
              <a:rPr lang="de-CH" i="1" dirty="0"/>
              <a:t>	Volksschulen</a:t>
            </a:r>
            <a:endParaRPr lang="de-CH" dirty="0"/>
          </a:p>
          <a:p>
            <a:r>
              <a:rPr lang="de-CH" i="1" dirty="0"/>
              <a:t>		a) Schulbesuch</a:t>
            </a:r>
            <a:endParaRPr lang="de-CH" dirty="0"/>
          </a:p>
          <a:p>
            <a:pPr>
              <a:buNone/>
            </a:pPr>
            <a:endParaRPr lang="de-CH" sz="900" dirty="0"/>
          </a:p>
          <a:p>
            <a:r>
              <a:rPr lang="de-CH" i="1" dirty="0"/>
              <a:t>Der Besuch der Volksschule ist unentgeltlich und, soweit die Gesetzgebung nichts anderes bestimmt, obligatorisch.</a:t>
            </a:r>
            <a:endParaRPr lang="de-CH" dirty="0"/>
          </a:p>
          <a:p>
            <a:endParaRPr lang="de-CH" sz="900" dirty="0"/>
          </a:p>
          <a:p>
            <a:r>
              <a:rPr lang="de-CH" b="1" i="1" dirty="0"/>
              <a:t>Artikel 35</a:t>
            </a:r>
            <a:r>
              <a:rPr lang="de-CH" i="1" dirty="0"/>
              <a:t>	b) Trägerschaft und Aufsicht</a:t>
            </a:r>
            <a:endParaRPr lang="de-CH" dirty="0"/>
          </a:p>
          <a:p>
            <a:endParaRPr lang="de-CH" sz="900" dirty="0"/>
          </a:p>
          <a:p>
            <a:r>
              <a:rPr lang="de-CH" i="1" baseline="30000" dirty="0"/>
              <a:t>1</a:t>
            </a:r>
            <a:r>
              <a:rPr lang="de-CH" i="1" dirty="0"/>
              <a:t>Träger der Volksschulen sind die Gemeinden oder Gemeindeverbände.</a:t>
            </a:r>
          </a:p>
          <a:p>
            <a:pPr>
              <a:buNone/>
            </a:pPr>
            <a:endParaRPr lang="de-CH" sz="900" i="1" dirty="0"/>
          </a:p>
          <a:p>
            <a:r>
              <a:rPr lang="de-CH" i="1" baseline="30000" dirty="0"/>
              <a:t>2</a:t>
            </a:r>
            <a:r>
              <a:rPr lang="de-CH" i="1" dirty="0"/>
              <a:t>Der Kanton unterstützt und beaufsichtigt die Gemeinden und die Gemeindeverbände.</a:t>
            </a:r>
          </a:p>
          <a:p>
            <a:endParaRPr lang="de-CH" sz="900" dirty="0"/>
          </a:p>
          <a:p>
            <a:r>
              <a:rPr lang="de-CH" b="1" i="1" dirty="0"/>
              <a:t>Artikel 36</a:t>
            </a:r>
            <a:r>
              <a:rPr lang="de-CH" i="1" dirty="0"/>
              <a:t>	c) Sonderschulen</a:t>
            </a:r>
            <a:endParaRPr lang="de-CH" dirty="0"/>
          </a:p>
          <a:p>
            <a:endParaRPr lang="de-CH" sz="900" dirty="0"/>
          </a:p>
          <a:p>
            <a:r>
              <a:rPr lang="de-CH" i="1" dirty="0"/>
              <a:t>Der Kanton führt oder unterstützt Sonderschulen und Heime. Er kann die Gemeinden zu angemessenen Leistungen beiziehen.</a:t>
            </a:r>
            <a:endParaRPr lang="de-CH" dirty="0"/>
          </a:p>
          <a:p>
            <a:r>
              <a:rPr lang="de-CH" i="1" dirty="0"/>
              <a:t> </a:t>
            </a:r>
            <a:endParaRPr lang="de-CH" dirty="0"/>
          </a:p>
          <a:p>
            <a:r>
              <a:rPr lang="de-CH" i="1" dirty="0"/>
              <a:t> </a:t>
            </a:r>
            <a:endParaRPr lang="de-CH" dirty="0"/>
          </a:p>
          <a:p>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5</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435986446"/>
      </p:ext>
    </p:extLst>
  </p:cSld>
  <p:clrMapOvr>
    <a:masterClrMapping/>
  </p:clrMapOvr>
  <p:transition spd="med">
    <p:pull/>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b="1" i="1" dirty="0"/>
              <a:t>Artikel 37</a:t>
            </a:r>
            <a:r>
              <a:rPr lang="de-CH" i="1" dirty="0"/>
              <a:t>	Kindergärten</a:t>
            </a:r>
            <a:endParaRPr lang="de-CH" dirty="0"/>
          </a:p>
          <a:p>
            <a:endParaRPr lang="de-CH" sz="900" dirty="0"/>
          </a:p>
          <a:p>
            <a:r>
              <a:rPr lang="de-CH" i="1" dirty="0"/>
              <a:t>Die Gemeinden führen Kindergärten.</a:t>
            </a:r>
            <a:endParaRPr lang="de-CH" dirty="0"/>
          </a:p>
          <a:p>
            <a:endParaRPr lang="de-CH" sz="900" b="1" i="1" dirty="0"/>
          </a:p>
          <a:p>
            <a:r>
              <a:rPr lang="de-CH" b="1" i="1" dirty="0"/>
              <a:t>Artikel 38</a:t>
            </a:r>
            <a:r>
              <a:rPr lang="de-CH" i="1" dirty="0"/>
              <a:t>	Berufsschule und höhere Schulen</a:t>
            </a:r>
            <a:endParaRPr lang="de-CH" dirty="0"/>
          </a:p>
          <a:p>
            <a:endParaRPr lang="de-CH" sz="900" dirty="0"/>
          </a:p>
          <a:p>
            <a:r>
              <a:rPr lang="de-CH" i="1" baseline="30000" dirty="0"/>
              <a:t>1</a:t>
            </a:r>
            <a:r>
              <a:rPr lang="de-CH" i="1" dirty="0"/>
              <a:t>Der Kanton fördert die Berufs- und Fachausbildung und die höhere Schulbildung.</a:t>
            </a:r>
            <a:endParaRPr lang="de-CH" dirty="0"/>
          </a:p>
          <a:p>
            <a:r>
              <a:rPr lang="de-CH" i="1" baseline="30000" dirty="0"/>
              <a:t>2</a:t>
            </a:r>
            <a:r>
              <a:rPr lang="de-CH" i="1" dirty="0"/>
              <a:t>Er kann entsprechende Bildungsanstalten selber betreiben oder sich an solchen beteiligen.</a:t>
            </a:r>
            <a:endParaRPr lang="de-CH" dirty="0"/>
          </a:p>
          <a:p>
            <a:endParaRPr lang="de-CH" sz="900" dirty="0"/>
          </a:p>
          <a:p>
            <a:r>
              <a:rPr lang="de-CH" b="1" i="1" dirty="0"/>
              <a:t>Artikel 39</a:t>
            </a:r>
            <a:r>
              <a:rPr lang="de-CH" i="1" dirty="0"/>
              <a:t>	Privatschulen</a:t>
            </a:r>
            <a:endParaRPr lang="de-CH" dirty="0"/>
          </a:p>
          <a:p>
            <a:endParaRPr lang="de-CH" sz="900" dirty="0"/>
          </a:p>
          <a:p>
            <a:r>
              <a:rPr lang="de-CH" i="1" dirty="0"/>
              <a:t>Das Recht des Privatschulunterrichts ist gewährleistet. Privatschulen sind bewilli­gungspflichtig und unterstehen der Aufsicht des Kantons.</a:t>
            </a:r>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6</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579636133"/>
      </p:ext>
    </p:extLst>
  </p:cSld>
  <p:clrMapOvr>
    <a:masterClrMapping/>
  </p:clrMapOvr>
  <p:transition spd="med">
    <p:pull/>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b="1" i="1" dirty="0">
                <a:latin typeface="+mn-lt"/>
                <a:cs typeface="Arial" panose="020B0604020202020204" pitchFamily="34" charset="0"/>
              </a:rPr>
              <a:t>Artikel 40</a:t>
            </a:r>
            <a:r>
              <a:rPr lang="de-CH" i="1" dirty="0">
                <a:latin typeface="+mn-lt"/>
                <a:cs typeface="Arial" panose="020B0604020202020204" pitchFamily="34" charset="0"/>
              </a:rPr>
              <a:t>	Ausbildungshilfen</a:t>
            </a:r>
            <a:endParaRPr lang="de-CH" dirty="0">
              <a:latin typeface="+mn-lt"/>
              <a:cs typeface="Arial" panose="020B0604020202020204" pitchFamily="34" charset="0"/>
            </a:endParaRPr>
          </a:p>
          <a:p>
            <a:endParaRPr lang="de-CH" dirty="0">
              <a:latin typeface="+mn-lt"/>
              <a:cs typeface="Arial" panose="020B0604020202020204" pitchFamily="34" charset="0"/>
            </a:endParaRPr>
          </a:p>
          <a:p>
            <a:r>
              <a:rPr lang="de-CH" i="1" dirty="0">
                <a:latin typeface="+mn-lt"/>
                <a:cs typeface="Arial" panose="020B0604020202020204" pitchFamily="34" charset="0"/>
              </a:rPr>
              <a:t>Der Kanton richtet Ausbildungshilfen in Form von Stipendien und Darlehen aus.</a:t>
            </a:r>
            <a:endParaRPr lang="de-CH" dirty="0">
              <a:latin typeface="+mn-lt"/>
              <a:cs typeface="Arial" panose="020B0604020202020204" pitchFamily="34" charset="0"/>
            </a:endParaRPr>
          </a:p>
          <a:p>
            <a:r>
              <a:rPr lang="de-CH" i="1" dirty="0">
                <a:latin typeface="+mn-lt"/>
                <a:cs typeface="Arial" panose="020B0604020202020204" pitchFamily="34" charset="0"/>
              </a:rPr>
              <a:t> </a:t>
            </a:r>
            <a:endParaRPr lang="de-CH" dirty="0">
              <a:latin typeface="+mn-lt"/>
              <a:cs typeface="Arial" panose="020B0604020202020204" pitchFamily="34" charset="0"/>
            </a:endParaRPr>
          </a:p>
          <a:p>
            <a:r>
              <a:rPr lang="de-CH" b="1" i="1" dirty="0">
                <a:latin typeface="+mn-lt"/>
                <a:cs typeface="Arial" panose="020B0604020202020204" pitchFamily="34" charset="0"/>
              </a:rPr>
              <a:t>Artikel 41</a:t>
            </a:r>
            <a:r>
              <a:rPr lang="de-CH" i="1" dirty="0">
                <a:latin typeface="+mn-lt"/>
                <a:cs typeface="Arial" panose="020B0604020202020204" pitchFamily="34" charset="0"/>
              </a:rPr>
              <a:t>	Erwachsenenbildung und Freizeitbeschäftigung</a:t>
            </a:r>
            <a:endParaRPr lang="de-CH" dirty="0">
              <a:latin typeface="+mn-lt"/>
              <a:cs typeface="Arial" panose="020B0604020202020204" pitchFamily="34" charset="0"/>
            </a:endParaRPr>
          </a:p>
          <a:p>
            <a:endParaRPr lang="de-CH" dirty="0">
              <a:latin typeface="+mn-lt"/>
              <a:cs typeface="Arial" panose="020B0604020202020204" pitchFamily="34" charset="0"/>
            </a:endParaRPr>
          </a:p>
          <a:p>
            <a:r>
              <a:rPr lang="de-CH" i="1" dirty="0">
                <a:latin typeface="+mn-lt"/>
                <a:cs typeface="Arial" panose="020B0604020202020204" pitchFamily="34" charset="0"/>
              </a:rPr>
              <a:t>Der Kanton und die Gemeinden können die Erwachsenenbildung und Bestrebungen für eine sinnvolle Freizeitgestaltung unterstützen.</a:t>
            </a:r>
            <a:endParaRPr lang="de-CH" dirty="0">
              <a:latin typeface="+mn-lt"/>
              <a:cs typeface="Arial" panose="020B0604020202020204" pitchFamily="34" charset="0"/>
            </a:endParaRP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7</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947570083"/>
      </p:ext>
    </p:extLst>
  </p:cSld>
  <p:clrMapOvr>
    <a:masterClrMapping/>
  </p:clrMapOvr>
  <p:transition spd="med">
    <p:pull/>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 in der Urner Kantonsverfassung</a:t>
            </a:r>
          </a:p>
        </p:txBody>
      </p:sp>
      <p:sp>
        <p:nvSpPr>
          <p:cNvPr id="3" name="Inhaltsplatzhalter 2"/>
          <p:cNvSpPr>
            <a:spLocks noGrp="1"/>
          </p:cNvSpPr>
          <p:nvPr>
            <p:ph idx="1"/>
            <p:custDataLst>
              <p:tags r:id="rId2"/>
            </p:custDataLst>
          </p:nvPr>
        </p:nvSpPr>
        <p:spPr/>
        <p:txBody>
          <a:bodyPr/>
          <a:lstStyle/>
          <a:p>
            <a:r>
              <a:rPr lang="de-CH" b="1" i="1" dirty="0"/>
              <a:t>Artikel 42</a:t>
            </a:r>
            <a:r>
              <a:rPr lang="de-CH" i="1" dirty="0"/>
              <a:t>	Kulturpflege</a:t>
            </a:r>
            <a:endParaRPr lang="de-CH" dirty="0"/>
          </a:p>
          <a:p>
            <a:r>
              <a:rPr lang="de-CH" i="1" dirty="0"/>
              <a:t> </a:t>
            </a:r>
            <a:endParaRPr lang="de-CH" dirty="0"/>
          </a:p>
          <a:p>
            <a:r>
              <a:rPr lang="de-CH" i="1" dirty="0"/>
              <a:t>Der Kanton und die Gemeinden pflegen das heimatliche Kulturgut und fördern künstlerische und kulturelle Bestrebungen und Tätigkeiten.</a:t>
            </a:r>
            <a:endParaRPr lang="de-CH" dirty="0"/>
          </a:p>
          <a:p>
            <a:r>
              <a:rPr lang="de-CH" i="1" dirty="0"/>
              <a:t> </a:t>
            </a:r>
            <a:endParaRPr lang="de-CH" dirty="0"/>
          </a:p>
          <a:p>
            <a:r>
              <a:rPr lang="de-CH" b="1" i="1" dirty="0"/>
              <a:t>Artikel 43</a:t>
            </a:r>
            <a:r>
              <a:rPr lang="de-CH" i="1" dirty="0"/>
              <a:t>	Gesetzgebung</a:t>
            </a:r>
            <a:endParaRPr lang="de-CH" dirty="0"/>
          </a:p>
          <a:p>
            <a:r>
              <a:rPr lang="de-CH" i="1" dirty="0"/>
              <a:t> </a:t>
            </a:r>
            <a:endParaRPr lang="de-CH" dirty="0"/>
          </a:p>
          <a:p>
            <a:r>
              <a:rPr lang="de-CH" i="1" dirty="0"/>
              <a:t>Die Gesetzgebung führt die Grundsätze über das Bildungswesen und insbeson­dere über die Dauer der obligatorischen Schulpflicht sowie über die Kulturpflege näher aus.</a:t>
            </a:r>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8</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866945162"/>
      </p:ext>
    </p:extLst>
  </p:cSld>
  <p:clrMapOvr>
    <a:masterClrMapping/>
  </p:clrMapOvr>
  <p:transition spd="med">
    <p:pull/>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sgesetz</a:t>
            </a:r>
          </a:p>
        </p:txBody>
      </p:sp>
      <p:sp>
        <p:nvSpPr>
          <p:cNvPr id="3" name="Inhaltsplatzhalter 2"/>
          <p:cNvSpPr>
            <a:spLocks noGrp="1"/>
          </p:cNvSpPr>
          <p:nvPr>
            <p:ph idx="1"/>
            <p:custDataLst>
              <p:tags r:id="rId2"/>
            </p:custDataLst>
          </p:nvPr>
        </p:nvSpPr>
        <p:spPr/>
        <p:txBody>
          <a:bodyPr/>
          <a:lstStyle/>
          <a:p>
            <a:pPr>
              <a:buNone/>
              <a:tabLst>
                <a:tab pos="266700" algn="l"/>
              </a:tabLst>
            </a:pPr>
            <a:r>
              <a:rPr lang="de-CH" b="1" i="1" dirty="0">
                <a:latin typeface="+mn-lt"/>
                <a:cs typeface="Arial" panose="020B0604020202020204" pitchFamily="34" charset="0"/>
              </a:rPr>
              <a:t>Art. 2</a:t>
            </a:r>
            <a:r>
              <a:rPr lang="de-CH" i="1" dirty="0">
                <a:latin typeface="+mn-lt"/>
                <a:cs typeface="Arial" panose="020B0604020202020204" pitchFamily="34" charset="0"/>
              </a:rPr>
              <a:t>	Bildungsziele</a:t>
            </a:r>
          </a:p>
          <a:p>
            <a:pPr>
              <a:buNone/>
              <a:tabLst>
                <a:tab pos="266700" algn="l"/>
              </a:tabLst>
            </a:pPr>
            <a:endParaRPr lang="de-CH" sz="1000" i="1" dirty="0">
              <a:latin typeface="+mn-lt"/>
              <a:cs typeface="Arial" panose="020B0604020202020204" pitchFamily="34" charset="0"/>
            </a:endParaRPr>
          </a:p>
          <a:p>
            <a:pPr>
              <a:buNone/>
              <a:tabLst>
                <a:tab pos="266700" algn="l"/>
              </a:tabLst>
            </a:pPr>
            <a:r>
              <a:rPr lang="de-CH" i="1" baseline="30000" dirty="0">
                <a:latin typeface="+mn-lt"/>
                <a:cs typeface="Arial" panose="020B0604020202020204" pitchFamily="34" charset="0"/>
              </a:rPr>
              <a:t>1</a:t>
            </a:r>
            <a:r>
              <a:rPr lang="de-CH" i="1" dirty="0">
                <a:latin typeface="+mn-lt"/>
                <a:cs typeface="Arial" panose="020B0604020202020204" pitchFamily="34" charset="0"/>
              </a:rPr>
              <a:t>Die Schule dient der Bildung und Erziehung der Lernenden.</a:t>
            </a:r>
          </a:p>
          <a:p>
            <a:pPr>
              <a:buNone/>
              <a:tabLst>
                <a:tab pos="266700" algn="l"/>
              </a:tabLst>
            </a:pPr>
            <a:endParaRPr lang="de-CH" sz="400" i="1" dirty="0">
              <a:latin typeface="+mn-lt"/>
              <a:cs typeface="Arial" panose="020B0604020202020204" pitchFamily="34" charset="0"/>
            </a:endParaRPr>
          </a:p>
          <a:p>
            <a:pPr>
              <a:buNone/>
              <a:tabLst>
                <a:tab pos="266700" algn="l"/>
              </a:tabLst>
            </a:pPr>
            <a:r>
              <a:rPr lang="de-CH" i="1" baseline="30000" dirty="0">
                <a:latin typeface="+mn-lt"/>
                <a:cs typeface="Arial" panose="020B0604020202020204" pitchFamily="34" charset="0"/>
              </a:rPr>
              <a:t>2</a:t>
            </a:r>
            <a:r>
              <a:rPr lang="de-CH" i="1" dirty="0">
                <a:latin typeface="+mn-lt"/>
                <a:cs typeface="Arial" panose="020B0604020202020204" pitchFamily="34" charset="0"/>
              </a:rPr>
              <a:t>Bildung ist ein umfassender und lebenslanger Prozess, der die Menschen in ihren geistigen, körperlichen, seelischen, kulturellen und sozialen Fähigkeiten altersgemäss fördert und von ihnen Lern- und Leistungsbereitschaft fordert. Das gesamte Bildungswesen weiss sich der christlichen, humanistischen und demokratischen Tradition verpflichtet.</a:t>
            </a:r>
          </a:p>
          <a:p>
            <a:pPr>
              <a:buNone/>
              <a:tabLst>
                <a:tab pos="266700" algn="l"/>
              </a:tabLst>
            </a:pPr>
            <a:endParaRPr lang="de-CH" sz="400" i="1" dirty="0">
              <a:latin typeface="+mn-lt"/>
              <a:cs typeface="Arial" panose="020B0604020202020204" pitchFamily="34" charset="0"/>
            </a:endParaRPr>
          </a:p>
          <a:p>
            <a:pPr>
              <a:buNone/>
              <a:tabLst>
                <a:tab pos="266700" algn="l"/>
              </a:tabLst>
            </a:pPr>
            <a:r>
              <a:rPr lang="de-CH" i="1" baseline="30000" dirty="0">
                <a:latin typeface="+mn-lt"/>
                <a:cs typeface="Arial" panose="020B0604020202020204" pitchFamily="34" charset="0"/>
              </a:rPr>
              <a:t>3</a:t>
            </a:r>
            <a:r>
              <a:rPr lang="de-CH" i="1" dirty="0">
                <a:latin typeface="+mn-lt"/>
                <a:cs typeface="Arial" panose="020B0604020202020204" pitchFamily="34" charset="0"/>
              </a:rPr>
              <a:t>Alle Bildungsstätten und Lernorte vermitteln ihren Lernenden die für ihr Leben nötigen Kompetenzen. Die Kompetenzbereiche und Unterrichtsformen passen sich gesellschaftlichen Anforderungen an und berücksichtigen den Erwerb neuer Kulturtechniken.</a:t>
            </a:r>
          </a:p>
          <a:p>
            <a:pPr>
              <a:buNone/>
              <a:tabLst>
                <a:tab pos="266700" algn="l"/>
              </a:tabLst>
            </a:pPr>
            <a:endParaRPr lang="de-CH" sz="400" i="1" dirty="0">
              <a:latin typeface="+mn-lt"/>
              <a:cs typeface="Arial" panose="020B0604020202020204" pitchFamily="34" charset="0"/>
            </a:endParaRPr>
          </a:p>
          <a:p>
            <a:pPr>
              <a:buNone/>
              <a:tabLst>
                <a:tab pos="266700" algn="l"/>
              </a:tabLst>
            </a:pPr>
            <a:r>
              <a:rPr lang="de-CH" i="1" baseline="30000" dirty="0">
                <a:latin typeface="+mn-lt"/>
                <a:cs typeface="Arial" panose="020B0604020202020204" pitchFamily="34" charset="0"/>
              </a:rPr>
              <a:t>4</a:t>
            </a:r>
            <a:r>
              <a:rPr lang="de-CH" i="1" dirty="0">
                <a:latin typeface="+mn-lt"/>
                <a:cs typeface="Arial" panose="020B0604020202020204" pitchFamily="34" charset="0"/>
              </a:rPr>
              <a:t>Die Bildungsstätten und Lernorte achten die geschlechtliche und kulturelle Identität der Lernenden und geben ihnen Werte weiter, die sie zu einem verantwortlichen Verhalten gegenüber den Menschen und der Umwelt befähigen.</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19</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982114299"/>
      </p:ext>
    </p:extLst>
  </p:cSld>
  <p:clrMapOvr>
    <a:masterClrMapping/>
  </p:clrMapOvr>
  <p:transition spd="med">
    <p:pull/>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Aufbau des Kurses</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a:t>
            </a:fld>
            <a:endParaRPr lang="de-CH" dirty="0"/>
          </a:p>
        </p:txBody>
      </p:sp>
      <p:sp>
        <p:nvSpPr>
          <p:cNvPr id="5" name="Textplatzhalter 4"/>
          <p:cNvSpPr>
            <a:spLocks noGrp="1"/>
          </p:cNvSpPr>
          <p:nvPr>
            <p:ph type="body" sz="quarter" idx="14"/>
          </p:nvPr>
        </p:nvSpPr>
        <p:spPr/>
        <p:txBody>
          <a:bodyPr/>
          <a:lstStyle/>
          <a:p>
            <a:endParaRPr lang="de-CH" dirty="0"/>
          </a:p>
        </p:txBody>
      </p:sp>
      <p:graphicFrame>
        <p:nvGraphicFramePr>
          <p:cNvPr id="6" name="Tabelle 5"/>
          <p:cNvGraphicFramePr>
            <a:graphicFrameLocks noGrp="1"/>
          </p:cNvGraphicFramePr>
          <p:nvPr>
            <p:extLst>
              <p:ext uri="{D42A27DB-BD31-4B8C-83A1-F6EECF244321}">
                <p14:modId xmlns:p14="http://schemas.microsoft.com/office/powerpoint/2010/main" val="843972489"/>
              </p:ext>
            </p:extLst>
          </p:nvPr>
        </p:nvGraphicFramePr>
        <p:xfrm>
          <a:off x="395536" y="1317853"/>
          <a:ext cx="8208912" cy="3479299"/>
        </p:xfrm>
        <a:graphic>
          <a:graphicData uri="http://schemas.openxmlformats.org/drawingml/2006/table">
            <a:tbl>
              <a:tblPr firstRow="1" firstCol="1" bandRow="1" bandCol="1">
                <a:tableStyleId>{5C22544A-7EE6-4342-B048-85BDC9FD1C3A}</a:tableStyleId>
              </a:tblPr>
              <a:tblGrid>
                <a:gridCol w="2226876">
                  <a:extLst>
                    <a:ext uri="{9D8B030D-6E8A-4147-A177-3AD203B41FA5}">
                      <a16:colId xmlns:a16="http://schemas.microsoft.com/office/drawing/2014/main" val="20000"/>
                    </a:ext>
                  </a:extLst>
                </a:gridCol>
                <a:gridCol w="5982036">
                  <a:extLst>
                    <a:ext uri="{9D8B030D-6E8A-4147-A177-3AD203B41FA5}">
                      <a16:colId xmlns:a16="http://schemas.microsoft.com/office/drawing/2014/main" val="20001"/>
                    </a:ext>
                  </a:extLst>
                </a:gridCol>
              </a:tblGrid>
              <a:tr h="526971">
                <a:tc>
                  <a:txBody>
                    <a:bodyPr/>
                    <a:lstStyle/>
                    <a:p>
                      <a:pPr marL="68580" marR="68580" algn="l">
                        <a:lnSpc>
                          <a:spcPct val="120000"/>
                        </a:lnSpc>
                        <a:spcAft>
                          <a:spcPts val="0"/>
                        </a:spcAft>
                      </a:pPr>
                      <a:r>
                        <a:rPr lang="de-CH" sz="2000" dirty="0">
                          <a:solidFill>
                            <a:schemeClr val="tx1"/>
                          </a:solidFill>
                          <a:effectLst/>
                          <a:latin typeface="+mn-lt"/>
                        </a:rPr>
                        <a:t>Datum</a:t>
                      </a:r>
                      <a:endParaRPr lang="de-CH" sz="2000" dirty="0">
                        <a:solidFill>
                          <a:schemeClr val="tx1"/>
                        </a:solidFill>
                        <a:effectLst/>
                        <a:latin typeface="+mn-lt"/>
                        <a:ea typeface="Calibri"/>
                        <a:cs typeface="Times New Roman"/>
                      </a:endParaRPr>
                    </a:p>
                  </a:txBody>
                  <a:tcPr marL="68580" marR="68580" marT="36195" marB="36195" anchor="ctr"/>
                </a:tc>
                <a:tc>
                  <a:txBody>
                    <a:bodyPr/>
                    <a:lstStyle/>
                    <a:p>
                      <a:pPr marL="68580" marR="68580" algn="l">
                        <a:lnSpc>
                          <a:spcPct val="120000"/>
                        </a:lnSpc>
                        <a:spcAft>
                          <a:spcPts val="0"/>
                        </a:spcAft>
                      </a:pPr>
                      <a:r>
                        <a:rPr lang="de-CH" sz="2000" dirty="0">
                          <a:solidFill>
                            <a:schemeClr val="tx1"/>
                          </a:solidFill>
                          <a:effectLst/>
                          <a:latin typeface="+mn-lt"/>
                        </a:rPr>
                        <a:t>Thema</a:t>
                      </a:r>
                      <a:endParaRPr lang="de-CH" sz="2000" dirty="0">
                        <a:solidFill>
                          <a:schemeClr val="tx1"/>
                        </a:solidFill>
                        <a:effectLst/>
                        <a:latin typeface="+mn-lt"/>
                        <a:ea typeface="Calibri"/>
                        <a:cs typeface="Times New Roman"/>
                      </a:endParaRPr>
                    </a:p>
                  </a:txBody>
                  <a:tcPr marL="68580" marR="68580" marT="36195" marB="36195" anchor="ctr"/>
                </a:tc>
                <a:extLst>
                  <a:ext uri="{0D108BD9-81ED-4DB2-BD59-A6C34878D82A}">
                    <a16:rowId xmlns:a16="http://schemas.microsoft.com/office/drawing/2014/main" val="10000"/>
                  </a:ext>
                </a:extLst>
              </a:tr>
              <a:tr h="1152128">
                <a:tc>
                  <a:txBody>
                    <a:bodyPr/>
                    <a:lstStyle/>
                    <a:p>
                      <a:pPr marL="68580" marR="68580" algn="l">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Mi., 10. April 2024</a:t>
                      </a:r>
                    </a:p>
                  </a:txBody>
                  <a:tcPr marL="68580" marR="68580" marT="36195" marB="36195" anchor="ctr"/>
                </a:tc>
                <a:tc>
                  <a:txBody>
                    <a:bodyPr/>
                    <a:lstStyle/>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Das Bildungssystem im Überblick</a:t>
                      </a:r>
                    </a:p>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Einführung in die rechtlichen Grundlagen Kanton Uri</a:t>
                      </a:r>
                    </a:p>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Rechtliche Stellung der Schule</a:t>
                      </a:r>
                    </a:p>
                  </a:txBody>
                  <a:tcPr marL="68580" marR="68580" marT="36195" marB="36195" anchor="ctr"/>
                </a:tc>
                <a:extLst>
                  <a:ext uri="{0D108BD9-81ED-4DB2-BD59-A6C34878D82A}">
                    <a16:rowId xmlns:a16="http://schemas.microsoft.com/office/drawing/2014/main" val="10002"/>
                  </a:ext>
                </a:extLst>
              </a:tr>
              <a:tr h="1152128">
                <a:tc>
                  <a:txBody>
                    <a:bodyPr/>
                    <a:lstStyle/>
                    <a:p>
                      <a:pPr marL="68580" marR="68580" algn="l">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Di., 23. April 2024</a:t>
                      </a:r>
                    </a:p>
                  </a:txBody>
                  <a:tcPr marL="68580" marR="68580" marT="36195" marB="36195" anchor="ctr"/>
                </a:tc>
                <a:tc>
                  <a:txBody>
                    <a:bodyPr/>
                    <a:lstStyle/>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Aufgaben des Schulrats</a:t>
                      </a:r>
                    </a:p>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rechtliche Abgrenzung zur Schulleitung</a:t>
                      </a:r>
                    </a:p>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Rechtswege</a:t>
                      </a:r>
                    </a:p>
                  </a:txBody>
                  <a:tcPr marL="68580" marR="68580" marT="36195" marB="36195" anchor="ctr"/>
                </a:tc>
                <a:extLst>
                  <a:ext uri="{0D108BD9-81ED-4DB2-BD59-A6C34878D82A}">
                    <a16:rowId xmlns:a16="http://schemas.microsoft.com/office/drawing/2014/main" val="10003"/>
                  </a:ext>
                </a:extLst>
              </a:tr>
              <a:tr h="648072">
                <a:tc>
                  <a:txBody>
                    <a:bodyPr/>
                    <a:lstStyle/>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Herbst 2024</a:t>
                      </a:r>
                    </a:p>
                  </a:txBody>
                  <a:tcPr marL="68580" marR="68580" marT="36195" marB="36195" anchor="ctr"/>
                </a:tc>
                <a:tc>
                  <a:txBody>
                    <a:bodyPr/>
                    <a:lstStyle/>
                    <a:p>
                      <a:pPr marL="68580" marR="68580" algn="just">
                        <a:lnSpc>
                          <a:spcPct val="100000"/>
                        </a:lnSpc>
                        <a:spcAft>
                          <a:spcPts val="0"/>
                        </a:spcAft>
                      </a:pPr>
                      <a:r>
                        <a:rPr lang="de-CH" sz="2000" dirty="0">
                          <a:solidFill>
                            <a:srgbClr val="000000"/>
                          </a:solidFill>
                          <a:effectLst/>
                          <a:latin typeface="+mn-lt"/>
                          <a:ea typeface="Calibri" panose="020F0502020204030204" pitchFamily="34" charset="0"/>
                          <a:cs typeface="Times New Roman" panose="02020603050405020304" pitchFamily="18" charset="0"/>
                        </a:rPr>
                        <a:t>Thema, gewählt von Teilnehmenden</a:t>
                      </a:r>
                    </a:p>
                  </a:txBody>
                  <a:tcPr marL="68580" marR="68580" marT="36195" marB="36195" anchor="ctr"/>
                </a:tc>
                <a:extLst>
                  <a:ext uri="{0D108BD9-81ED-4DB2-BD59-A6C34878D82A}">
                    <a16:rowId xmlns:a16="http://schemas.microsoft.com/office/drawing/2014/main" val="10004"/>
                  </a:ext>
                </a:extLst>
              </a:tr>
            </a:tbl>
          </a:graphicData>
        </a:graphic>
      </p:graphicFrame>
    </p:spTree>
    <p:extLst>
      <p:ext uri="{BB962C8B-B14F-4D97-AF65-F5344CB8AC3E}">
        <p14:creationId xmlns:p14="http://schemas.microsoft.com/office/powerpoint/2010/main" val="814497204"/>
      </p:ext>
    </p:extLst>
  </p:cSld>
  <p:clrMapOvr>
    <a:masterClrMapping/>
  </p:clrMapOvr>
  <p:transition spd="med">
    <p:pull/>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Stellung der Schule</a:t>
            </a:r>
          </a:p>
        </p:txBody>
      </p:sp>
      <p:sp>
        <p:nvSpPr>
          <p:cNvPr id="3" name="Inhaltsplatzhalter 2"/>
          <p:cNvSpPr>
            <a:spLocks noGrp="1"/>
          </p:cNvSpPr>
          <p:nvPr>
            <p:ph idx="1"/>
            <p:custDataLst>
              <p:tags r:id="rId2"/>
            </p:custDataLst>
          </p:nvPr>
        </p:nvSpPr>
        <p:spPr/>
        <p:txBody>
          <a:bodyPr/>
          <a:lstStyle/>
          <a:p>
            <a:r>
              <a:rPr lang="de-CH" dirty="0"/>
              <a:t>Die Schule ist eine «Anstalt»</a:t>
            </a:r>
          </a:p>
          <a:p>
            <a:pPr lvl="1">
              <a:buClr>
                <a:schemeClr val="tx1"/>
              </a:buClr>
              <a:buFont typeface="Symbol" panose="05050102010706020507" pitchFamily="18" charset="2"/>
              <a:buChar char="-"/>
            </a:pPr>
            <a:r>
              <a:rPr lang="de-CH" dirty="0"/>
              <a:t>Weisungsgewalt</a:t>
            </a:r>
          </a:p>
          <a:p>
            <a:pPr lvl="1"/>
            <a:endParaRPr lang="de-CH" dirty="0"/>
          </a:p>
          <a:p>
            <a:r>
              <a:rPr lang="de-CH" dirty="0"/>
              <a:t>Grenzen</a:t>
            </a:r>
          </a:p>
          <a:p>
            <a:pPr lvl="1">
              <a:buClr>
                <a:schemeClr val="tx1"/>
              </a:buClr>
              <a:buFont typeface="Symbol" panose="05050102010706020507" pitchFamily="18" charset="2"/>
              <a:buChar char="-"/>
            </a:pPr>
            <a:r>
              <a:rPr lang="de-CH" dirty="0"/>
              <a:t>Örtlich: Schulareal</a:t>
            </a:r>
          </a:p>
          <a:p>
            <a:pPr lvl="1">
              <a:buClr>
                <a:schemeClr val="tx1"/>
              </a:buClr>
              <a:buFont typeface="Symbol" panose="05050102010706020507" pitchFamily="18" charset="2"/>
              <a:buChar char="-"/>
            </a:pPr>
            <a:r>
              <a:rPr lang="de-CH" dirty="0"/>
              <a:t>Zeitlich: Schulzeit: Stundenplan</a:t>
            </a:r>
          </a:p>
          <a:p>
            <a:pPr lvl="1">
              <a:buClr>
                <a:schemeClr val="tx1"/>
              </a:buClr>
              <a:buFont typeface="Symbol" panose="05050102010706020507" pitchFamily="18" charset="2"/>
              <a:buChar char="-"/>
            </a:pPr>
            <a:r>
              <a:rPr lang="de-CH" dirty="0"/>
              <a:t>Sachlich: Bildungsziel</a:t>
            </a:r>
          </a:p>
          <a:p>
            <a:pPr lvl="1">
              <a:buClr>
                <a:schemeClr val="tx1"/>
              </a:buClr>
              <a:buFont typeface="Symbol" panose="05050102010706020507" pitchFamily="18" charset="2"/>
              <a:buChar char="-"/>
            </a:pPr>
            <a:r>
              <a:rPr lang="de-CH" dirty="0"/>
              <a:t>Persönlich: Wer darf Weisungen erteilen?</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20</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973856028"/>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e-CH" dirty="0"/>
          </a:p>
        </p:txBody>
      </p:sp>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21</a:t>
            </a:fld>
            <a:endParaRPr lang="de-CH" dirty="0"/>
          </a:p>
        </p:txBody>
      </p:sp>
      <p:sp>
        <p:nvSpPr>
          <p:cNvPr id="5" name="Textplatzhalter 4"/>
          <p:cNvSpPr>
            <a:spLocks noGrp="1"/>
          </p:cNvSpPr>
          <p:nvPr>
            <p:ph type="body" sz="quarter" idx="14"/>
          </p:nvPr>
        </p:nvSpPr>
        <p:spPr/>
        <p:txBody>
          <a:bodyPr/>
          <a:lstStyle/>
          <a:p>
            <a:endParaRPr lang="de-CH" dirty="0"/>
          </a:p>
        </p:txBody>
      </p:sp>
      <p:sp>
        <p:nvSpPr>
          <p:cNvPr id="6" name="Ellipse 5"/>
          <p:cNvSpPr/>
          <p:nvPr>
            <p:custDataLst>
              <p:tags r:id="rId2"/>
            </p:custDataLst>
          </p:nvPr>
        </p:nvSpPr>
        <p:spPr>
          <a:xfrm>
            <a:off x="827584" y="2582407"/>
            <a:ext cx="3168352" cy="1656184"/>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örtliche Grenze</a:t>
            </a:r>
          </a:p>
          <a:p>
            <a:pPr algn="ctr"/>
            <a:r>
              <a:rPr lang="de-CH" sz="2000" dirty="0">
                <a:solidFill>
                  <a:schemeClr val="tx1"/>
                </a:solidFill>
              </a:rPr>
              <a:t>(Schulareal: mit Ausnahmen)</a:t>
            </a:r>
          </a:p>
        </p:txBody>
      </p:sp>
      <p:sp>
        <p:nvSpPr>
          <p:cNvPr id="7" name="Ellipse 6"/>
          <p:cNvSpPr/>
          <p:nvPr>
            <p:custDataLst>
              <p:tags r:id="rId3"/>
            </p:custDataLst>
          </p:nvPr>
        </p:nvSpPr>
        <p:spPr>
          <a:xfrm>
            <a:off x="3995936" y="3933056"/>
            <a:ext cx="3168352" cy="1656184"/>
          </a:xfrm>
          <a:prstGeom prst="ellipse">
            <a:avLst/>
          </a:prstGeom>
          <a:solidFill>
            <a:schemeClr val="bg2">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zeitliche Grenze</a:t>
            </a:r>
          </a:p>
          <a:p>
            <a:pPr algn="ctr"/>
            <a:r>
              <a:rPr lang="de-CH" sz="2000" dirty="0">
                <a:solidFill>
                  <a:schemeClr val="tx1"/>
                </a:solidFill>
              </a:rPr>
              <a:t>(Schulzeit, Stundenplan)</a:t>
            </a:r>
          </a:p>
        </p:txBody>
      </p:sp>
      <p:sp>
        <p:nvSpPr>
          <p:cNvPr id="8" name="Ellipse 7"/>
          <p:cNvSpPr/>
          <p:nvPr>
            <p:custDataLst>
              <p:tags r:id="rId4"/>
            </p:custDataLst>
          </p:nvPr>
        </p:nvSpPr>
        <p:spPr>
          <a:xfrm>
            <a:off x="3995936" y="1025104"/>
            <a:ext cx="3168352" cy="1656184"/>
          </a:xfrm>
          <a:prstGeom prst="ellipse">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sachliche Grenze</a:t>
            </a:r>
          </a:p>
          <a:p>
            <a:pPr algn="ctr"/>
            <a:r>
              <a:rPr lang="de-CH" sz="2000" dirty="0">
                <a:solidFill>
                  <a:schemeClr val="tx1"/>
                </a:solidFill>
              </a:rPr>
              <a:t>(Bildungsziel)</a:t>
            </a:r>
          </a:p>
        </p:txBody>
      </p:sp>
    </p:spTree>
    <p:extLst>
      <p:ext uri="{BB962C8B-B14F-4D97-AF65-F5344CB8AC3E}">
        <p14:creationId xmlns:p14="http://schemas.microsoft.com/office/powerpoint/2010/main" val="321433559"/>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Legalitätsprinzip</a:t>
            </a:r>
          </a:p>
        </p:txBody>
      </p:sp>
      <p:sp>
        <p:nvSpPr>
          <p:cNvPr id="3" name="Inhaltsplatzhalter 2"/>
          <p:cNvSpPr>
            <a:spLocks noGrp="1"/>
          </p:cNvSpPr>
          <p:nvPr>
            <p:ph idx="1"/>
            <p:custDataLst>
              <p:tags r:id="rId2"/>
            </p:custDataLst>
          </p:nvPr>
        </p:nvSpPr>
        <p:spPr/>
        <p:txBody>
          <a:bodyPr/>
          <a:lstStyle/>
          <a:p>
            <a:pPr marL="342900" indent="-342900">
              <a:buClr>
                <a:schemeClr val="tx1"/>
              </a:buClr>
              <a:buFont typeface="Symbol" panose="05050102010706020507" pitchFamily="18" charset="2"/>
              <a:buChar char="-"/>
            </a:pPr>
            <a:r>
              <a:rPr lang="de-CH" sz="2800" dirty="0"/>
              <a:t>Die Verwaltung (Schulrat) muss sich immer ans Gesetz halten, wo ein solches besteht; sie darf nicht davon abweichen (Vorrang des Gesetzes)</a:t>
            </a:r>
          </a:p>
          <a:p>
            <a:pPr>
              <a:buClr>
                <a:schemeClr val="tx1"/>
              </a:buClr>
              <a:buNone/>
            </a:pPr>
            <a:endParaRPr lang="de-CH" sz="2800" dirty="0"/>
          </a:p>
          <a:p>
            <a:pPr marL="342900" indent="-342900">
              <a:buClr>
                <a:schemeClr val="tx1"/>
              </a:buClr>
              <a:buFont typeface="Symbol" panose="05050102010706020507" pitchFamily="18" charset="2"/>
              <a:buChar char="-"/>
            </a:pPr>
            <a:r>
              <a:rPr lang="de-CH" sz="2800" dirty="0"/>
              <a:t>Um auf irgendeinem Gebiet tätig zu werden, braucht die Verwaltung (Schulrat) eine gesetzliche Ermächtigung. Zudem muss sie sich für Eingriffe in Freiheit und Eigentum auf ein Gesetz stützen können (Vorbehalt des Gesetzes)</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22</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208524184"/>
      </p:ext>
    </p:extLst>
  </p:cSld>
  <p:clrMapOvr>
    <a:masterClrMapping/>
  </p:clrMapOvr>
  <p:transition spd="med">
    <p:pull/>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Grundrechte</a:t>
            </a:r>
          </a:p>
        </p:txBody>
      </p:sp>
      <p:sp>
        <p:nvSpPr>
          <p:cNvPr id="3" name="Inhaltsplatzhalter 2"/>
          <p:cNvSpPr>
            <a:spLocks noGrp="1"/>
          </p:cNvSpPr>
          <p:nvPr>
            <p:ph idx="1"/>
            <p:custDataLst>
              <p:tags r:id="rId2"/>
            </p:custDataLst>
          </p:nvPr>
        </p:nvSpPr>
        <p:spPr/>
        <p:txBody>
          <a:bodyPr/>
          <a:lstStyle/>
          <a:p>
            <a:pPr marL="342900" lvl="0" indent="-342900" hangingPunct="0">
              <a:buClr>
                <a:schemeClr val="tx1"/>
              </a:buClr>
              <a:buFont typeface="Symbol" panose="05050102010706020507" pitchFamily="18" charset="2"/>
              <a:buChar char="-"/>
            </a:pPr>
            <a:r>
              <a:rPr lang="de-CH" sz="2800" dirty="0"/>
              <a:t>Persönliche Freiheit</a:t>
            </a:r>
          </a:p>
          <a:p>
            <a:pPr marL="342900" lvl="0" indent="-342900" hangingPunct="0">
              <a:buClr>
                <a:schemeClr val="tx1"/>
              </a:buClr>
              <a:buFont typeface="Symbol" panose="05050102010706020507" pitchFamily="18" charset="2"/>
              <a:buChar char="-"/>
            </a:pPr>
            <a:r>
              <a:rPr lang="de-CH" sz="2800" dirty="0"/>
              <a:t>Meinungsäusserungs- und Informationsfreiheit</a:t>
            </a:r>
          </a:p>
          <a:p>
            <a:pPr marL="342900" lvl="0" indent="-342900" hangingPunct="0">
              <a:buClr>
                <a:schemeClr val="tx1"/>
              </a:buClr>
              <a:buFont typeface="Symbol" panose="05050102010706020507" pitchFamily="18" charset="2"/>
              <a:buChar char="-"/>
            </a:pPr>
            <a:r>
              <a:rPr lang="de-CH" sz="2800" dirty="0"/>
              <a:t>Pressefreiheit</a:t>
            </a:r>
          </a:p>
          <a:p>
            <a:pPr marL="342900" lvl="0" indent="-342900" hangingPunct="0">
              <a:buClr>
                <a:schemeClr val="tx1"/>
              </a:buClr>
              <a:buFont typeface="Symbol" panose="05050102010706020507" pitchFamily="18" charset="2"/>
              <a:buChar char="-"/>
            </a:pPr>
            <a:r>
              <a:rPr lang="de-CH" sz="2800" dirty="0"/>
              <a:t>Religionsfreiheit</a:t>
            </a:r>
          </a:p>
          <a:p>
            <a:pPr marL="342900" lvl="0" indent="-342900" hangingPunct="0">
              <a:buClr>
                <a:schemeClr val="tx1"/>
              </a:buClr>
              <a:buFont typeface="Symbol" panose="05050102010706020507" pitchFamily="18" charset="2"/>
              <a:buChar char="-"/>
            </a:pPr>
            <a:r>
              <a:rPr lang="de-CH" sz="2800" dirty="0"/>
              <a:t>Eigentumsgarantie</a:t>
            </a:r>
          </a:p>
          <a:p>
            <a:pPr marL="342900" lvl="0" indent="-342900" hangingPunct="0">
              <a:buClr>
                <a:schemeClr val="tx1"/>
              </a:buClr>
              <a:buFont typeface="Symbol" panose="05050102010706020507" pitchFamily="18" charset="2"/>
              <a:buChar char="-"/>
            </a:pPr>
            <a:r>
              <a:rPr lang="de-CH" sz="2800" dirty="0"/>
              <a:t>Gebot der Gleichbehandlung und Willkürverbot</a:t>
            </a:r>
          </a:p>
          <a:p>
            <a:pPr marL="342900" lvl="0" indent="-342900" hangingPunct="0">
              <a:buClr>
                <a:schemeClr val="tx1"/>
              </a:buClr>
              <a:buFont typeface="Symbol" panose="05050102010706020507" pitchFamily="18" charset="2"/>
              <a:buChar char="-"/>
            </a:pPr>
            <a:r>
              <a:rPr lang="de-CH" sz="2800" dirty="0"/>
              <a:t>Treu und Glauben</a:t>
            </a:r>
          </a:p>
          <a:p>
            <a:pPr marL="342900" lvl="0" indent="-342900" hangingPunct="0">
              <a:buClr>
                <a:schemeClr val="tx1"/>
              </a:buClr>
              <a:buFont typeface="Symbol" panose="05050102010706020507" pitchFamily="18" charset="2"/>
              <a:buChar char="-"/>
            </a:pPr>
            <a:r>
              <a:rPr lang="de-CH" sz="2800" dirty="0"/>
              <a:t>Anspruch auf rechtliches Gehör</a:t>
            </a:r>
          </a:p>
          <a:p>
            <a:pPr marL="342900" lvl="0" indent="-342900" hangingPunct="0">
              <a:buClr>
                <a:schemeClr val="tx1"/>
              </a:buClr>
              <a:buFont typeface="Symbol" panose="05050102010706020507" pitchFamily="18" charset="2"/>
              <a:buChar char="-"/>
            </a:pPr>
            <a:r>
              <a:rPr lang="de-CH" sz="2800" dirty="0"/>
              <a:t>Prinzip der Verhältnismässigkeit</a:t>
            </a:r>
          </a:p>
          <a:p>
            <a:pPr marL="342900" lvl="0" indent="-342900" hangingPunct="0">
              <a:buClr>
                <a:schemeClr val="tx1"/>
              </a:buClr>
              <a:buFont typeface="Symbol" panose="05050102010706020507" pitchFamily="18" charset="2"/>
              <a:buChar char="-"/>
            </a:pPr>
            <a:r>
              <a:rPr lang="de-CH" sz="2800" dirty="0"/>
              <a:t>Verbot der Rechtsverweigerung</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23</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75145916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endParaRPr lang="de-CH" dirty="0"/>
          </a:p>
        </p:txBody>
      </p:sp>
      <p:sp>
        <p:nvSpPr>
          <p:cNvPr id="4" name="Foliennummernplatzhalter 3"/>
          <p:cNvSpPr>
            <a:spLocks noGrp="1"/>
          </p:cNvSpPr>
          <p:nvPr>
            <p:ph type="sldNum" sz="quarter" idx="12"/>
            <p:custDataLst>
              <p:tags r:id="rId1"/>
            </p:custDataLst>
          </p:nvPr>
        </p:nvSpPr>
        <p:spPr/>
        <p:txBody>
          <a:bodyPr/>
          <a:lstStyle/>
          <a:p>
            <a:fld id="{565A3E7D-0018-4715-8B3D-68E2BF3AD988}" type="slidenum">
              <a:rPr lang="de-CH" smtClean="0"/>
              <a:t>24</a:t>
            </a:fld>
            <a:endParaRPr lang="de-CH" dirty="0"/>
          </a:p>
        </p:txBody>
      </p:sp>
      <p:sp>
        <p:nvSpPr>
          <p:cNvPr id="5" name="Textplatzhalter 4"/>
          <p:cNvSpPr>
            <a:spLocks noGrp="1"/>
          </p:cNvSpPr>
          <p:nvPr>
            <p:ph type="body" sz="quarter" idx="14"/>
          </p:nvPr>
        </p:nvSpPr>
        <p:spPr/>
        <p:txBody>
          <a:bodyPr/>
          <a:lstStyle/>
          <a:p>
            <a:endParaRPr lang="de-CH" dirty="0"/>
          </a:p>
        </p:txBody>
      </p:sp>
      <p:sp>
        <p:nvSpPr>
          <p:cNvPr id="6" name="Rechteck 5"/>
          <p:cNvSpPr/>
          <p:nvPr>
            <p:custDataLst>
              <p:tags r:id="rId2"/>
            </p:custDataLst>
          </p:nvPr>
        </p:nvSpPr>
        <p:spPr>
          <a:xfrm>
            <a:off x="899592" y="2780928"/>
            <a:ext cx="2376264" cy="1152128"/>
          </a:xfrm>
          <a:prstGeom prst="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Schule als Anstalt mit Grenzen</a:t>
            </a:r>
          </a:p>
        </p:txBody>
      </p:sp>
      <p:sp>
        <p:nvSpPr>
          <p:cNvPr id="7" name="Rechteck 6"/>
          <p:cNvSpPr/>
          <p:nvPr>
            <p:custDataLst>
              <p:tags r:id="rId3"/>
            </p:custDataLst>
          </p:nvPr>
        </p:nvSpPr>
        <p:spPr>
          <a:xfrm>
            <a:off x="4427984" y="1196752"/>
            <a:ext cx="2880320" cy="1152128"/>
          </a:xfrm>
          <a:prstGeom prst="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Grundrechte</a:t>
            </a:r>
          </a:p>
        </p:txBody>
      </p:sp>
      <p:sp>
        <p:nvSpPr>
          <p:cNvPr id="8" name="Rechteck 7"/>
          <p:cNvSpPr/>
          <p:nvPr>
            <p:custDataLst>
              <p:tags r:id="rId4"/>
            </p:custDataLst>
          </p:nvPr>
        </p:nvSpPr>
        <p:spPr>
          <a:xfrm>
            <a:off x="4572000" y="4005064"/>
            <a:ext cx="2880320" cy="1368152"/>
          </a:xfrm>
          <a:prstGeom prst="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sz="2000" dirty="0">
                <a:solidFill>
                  <a:schemeClr val="tx1"/>
                </a:solidFill>
              </a:rPr>
              <a:t>Spezifische schul-rechtliche gesetzliche Grundlagen (</a:t>
            </a:r>
            <a:r>
              <a:rPr lang="de-CH" sz="2000" dirty="0" err="1">
                <a:solidFill>
                  <a:schemeClr val="tx1"/>
                </a:solidFill>
              </a:rPr>
              <a:t>SchG</a:t>
            </a:r>
            <a:r>
              <a:rPr lang="de-CH" sz="2000" dirty="0">
                <a:solidFill>
                  <a:schemeClr val="tx1"/>
                </a:solidFill>
              </a:rPr>
              <a:t>, </a:t>
            </a:r>
            <a:r>
              <a:rPr lang="de-CH" sz="2000" dirty="0" err="1">
                <a:solidFill>
                  <a:schemeClr val="tx1"/>
                </a:solidFill>
              </a:rPr>
              <a:t>SchV</a:t>
            </a:r>
            <a:r>
              <a:rPr lang="de-CH" sz="2000" dirty="0">
                <a:solidFill>
                  <a:schemeClr val="tx1"/>
                </a:solidFill>
              </a:rPr>
              <a:t>)</a:t>
            </a:r>
          </a:p>
        </p:txBody>
      </p:sp>
    </p:spTree>
    <p:extLst>
      <p:ext uri="{BB962C8B-B14F-4D97-AF65-F5344CB8AC3E}">
        <p14:creationId xmlns:p14="http://schemas.microsoft.com/office/powerpoint/2010/main" val="425645353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P spid="8" grpId="0" animBg="1"/>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Fragen?</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25</a:t>
            </a:fld>
            <a:endParaRPr lang="de-CH" dirty="0"/>
          </a:p>
        </p:txBody>
      </p:sp>
      <p:sp>
        <p:nvSpPr>
          <p:cNvPr id="5" name="Textplatzhalter 4"/>
          <p:cNvSpPr>
            <a:spLocks noGrp="1"/>
          </p:cNvSpPr>
          <p:nvPr>
            <p:ph type="body" sz="quarter" idx="14"/>
          </p:nvPr>
        </p:nvSpPr>
        <p:spPr/>
        <p:txBody>
          <a:bodyPr/>
          <a:lstStyle/>
          <a:p>
            <a:endParaRPr lang="de-CH" dirty="0"/>
          </a:p>
        </p:txBody>
      </p:sp>
      <p:pic>
        <p:nvPicPr>
          <p:cNvPr id="6" name="Grafik 5"/>
          <p:cNvPicPr>
            <a:picLocks noChangeAspect="1"/>
          </p:cNvPicPr>
          <p:nvPr/>
        </p:nvPicPr>
        <p:blipFill rotWithShape="1">
          <a:blip r:embed="rId5">
            <a:extLst>
              <a:ext uri="{28A0092B-C50C-407E-A947-70E740481C1C}">
                <a14:useLocalDpi xmlns:a14="http://schemas.microsoft.com/office/drawing/2010/main" val="0"/>
              </a:ext>
            </a:extLst>
          </a:blip>
          <a:srcRect t="8080" b="11115"/>
          <a:stretch/>
        </p:blipFill>
        <p:spPr>
          <a:xfrm>
            <a:off x="361628" y="968028"/>
            <a:ext cx="7837516" cy="4752528"/>
          </a:xfrm>
          <a:prstGeom prst="rect">
            <a:avLst/>
          </a:prstGeom>
        </p:spPr>
      </p:pic>
    </p:spTree>
    <p:extLst>
      <p:ext uri="{BB962C8B-B14F-4D97-AF65-F5344CB8AC3E}">
        <p14:creationId xmlns:p14="http://schemas.microsoft.com/office/powerpoint/2010/main" val="2817887040"/>
      </p:ext>
    </p:extLst>
  </p:cSld>
  <p:clrMapOvr>
    <a:masterClrMapping/>
  </p:clrMapOvr>
  <p:transition spd="med">
    <p:pull/>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Bildplatzhalter 1"/>
          <p:cNvSpPr>
            <a:spLocks noGrp="1"/>
          </p:cNvSpPr>
          <p:nvPr>
            <p:ph type="pic" sz="quarter" idx="11"/>
          </p:nvPr>
        </p:nvSpPr>
        <p:spPr/>
      </p:sp>
      <p:sp>
        <p:nvSpPr>
          <p:cNvPr id="3" name="Titel 2"/>
          <p:cNvSpPr>
            <a:spLocks noGrp="1"/>
          </p:cNvSpPr>
          <p:nvPr>
            <p:ph type="ctrTitle"/>
            <p:custDataLst>
              <p:tags r:id="rId1"/>
            </p:custDataLst>
          </p:nvPr>
        </p:nvSpPr>
        <p:spPr>
          <a:xfrm>
            <a:off x="0" y="-2"/>
            <a:ext cx="7200000" cy="1288009"/>
          </a:xfrm>
        </p:spPr>
        <p:txBody>
          <a:bodyPr/>
          <a:lstStyle/>
          <a:p>
            <a:r>
              <a:rPr lang="de-CH" dirty="0"/>
              <a:t>Herzlichen Dank für Ihre Aufmerksamkeit</a:t>
            </a:r>
          </a:p>
        </p:txBody>
      </p:sp>
    </p:spTree>
    <p:extLst>
      <p:ext uri="{BB962C8B-B14F-4D97-AF65-F5344CB8AC3E}">
        <p14:creationId xmlns:p14="http://schemas.microsoft.com/office/powerpoint/2010/main" val="853669163"/>
      </p:ext>
    </p:extLst>
  </p:cSld>
  <p:clrMapOvr>
    <a:masterClrMapping/>
  </p:clrMapOvr>
  <p:transition spd="med">
    <p:pull/>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Bildungssystem im Kanton Uri</a:t>
            </a:r>
          </a:p>
        </p:txBody>
      </p:sp>
      <p:sp>
        <p:nvSpPr>
          <p:cNvPr id="4" name="Foliennummernplatzhalter 3"/>
          <p:cNvSpPr>
            <a:spLocks noGrp="1"/>
          </p:cNvSpPr>
          <p:nvPr>
            <p:ph type="sldNum" sz="quarter" idx="12"/>
            <p:custDataLst>
              <p:tags r:id="rId2"/>
            </p:custDataLst>
          </p:nvPr>
        </p:nvSpPr>
        <p:spPr/>
        <p:txBody>
          <a:bodyPr/>
          <a:lstStyle/>
          <a:p>
            <a:fld id="{565A3E7D-0018-4715-8B3D-68E2BF3AD988}" type="slidenum">
              <a:rPr lang="de-CH" smtClean="0"/>
              <a:t>3</a:t>
            </a:fld>
            <a:endParaRPr lang="de-CH" dirty="0"/>
          </a:p>
        </p:txBody>
      </p:sp>
      <p:sp>
        <p:nvSpPr>
          <p:cNvPr id="5" name="Textplatzhalter 4"/>
          <p:cNvSpPr>
            <a:spLocks noGrp="1"/>
          </p:cNvSpPr>
          <p:nvPr>
            <p:ph type="body" sz="quarter" idx="14"/>
          </p:nvPr>
        </p:nvSpPr>
        <p:spPr/>
        <p:txBody>
          <a:bodyPr/>
          <a:lstStyle/>
          <a:p>
            <a:endParaRPr lang="de-CH" dirty="0"/>
          </a:p>
        </p:txBody>
      </p:sp>
      <p:pic>
        <p:nvPicPr>
          <p:cNvPr id="119" name="Grafik 118"/>
          <p:cNvPicPr>
            <a:picLocks noChangeAspect="1"/>
          </p:cNvPicPr>
          <p:nvPr/>
        </p:nvPicPr>
        <p:blipFill rotWithShape="1">
          <a:blip r:embed="rId5" cstate="print">
            <a:extLst>
              <a:ext uri="{28A0092B-C50C-407E-A947-70E740481C1C}">
                <a14:useLocalDpi xmlns:a14="http://schemas.microsoft.com/office/drawing/2010/main" val="0"/>
              </a:ext>
            </a:extLst>
          </a:blip>
          <a:srcRect t="4200" b="3656"/>
          <a:stretch/>
        </p:blipFill>
        <p:spPr>
          <a:xfrm>
            <a:off x="395536" y="836712"/>
            <a:ext cx="7909802" cy="5040560"/>
          </a:xfrm>
          <a:prstGeom prst="rect">
            <a:avLst/>
          </a:prstGeom>
        </p:spPr>
      </p:pic>
    </p:spTree>
    <p:extLst>
      <p:ext uri="{BB962C8B-B14F-4D97-AF65-F5344CB8AC3E}">
        <p14:creationId xmlns:p14="http://schemas.microsoft.com/office/powerpoint/2010/main" val="523037284"/>
      </p:ext>
    </p:extLst>
  </p:cSld>
  <p:clrMapOvr>
    <a:masterClrMapping/>
  </p:clrMapOvr>
  <p:transition spd="med">
    <p:pull/>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chtliche Grundlagen der Volksschule</a:t>
            </a:r>
          </a:p>
        </p:txBody>
      </p:sp>
      <p:sp>
        <p:nvSpPr>
          <p:cNvPr id="3" name="Inhaltsplatzhalter 2"/>
          <p:cNvSpPr>
            <a:spLocks noGrp="1"/>
          </p:cNvSpPr>
          <p:nvPr>
            <p:ph idx="1"/>
            <p:custDataLst>
              <p:tags r:id="rId2"/>
            </p:custDataLst>
          </p:nvPr>
        </p:nvSpPr>
        <p:spPr/>
        <p:txBody>
          <a:bodyPr/>
          <a:lstStyle/>
          <a:p>
            <a:pPr>
              <a:buNone/>
            </a:pPr>
            <a:r>
              <a:rPr lang="de-CH" b="1" i="1" dirty="0"/>
              <a:t>Art. 61a BV</a:t>
            </a:r>
            <a:r>
              <a:rPr lang="de-CH" i="1" dirty="0"/>
              <a:t>	Bildungsraum Schweiz</a:t>
            </a:r>
            <a:endParaRPr lang="de-CH" i="1" baseline="30000" dirty="0"/>
          </a:p>
          <a:p>
            <a:pPr>
              <a:buNone/>
            </a:pPr>
            <a:endParaRPr lang="de-CH" i="1" baseline="30000" dirty="0"/>
          </a:p>
          <a:p>
            <a:pPr>
              <a:buNone/>
            </a:pPr>
            <a:r>
              <a:rPr lang="de-CH" i="1" baseline="30000" dirty="0"/>
              <a:t>1</a:t>
            </a:r>
            <a:r>
              <a:rPr lang="de-CH" i="1" dirty="0"/>
              <a:t>Bund und Kantone sorgen gemeinsam im Rahmen ihrer Zuständigkeiten für eine hohe Qualität und Durchlässigkeit des Bildungsraumes Schweiz.</a:t>
            </a:r>
          </a:p>
          <a:p>
            <a:pPr>
              <a:buNone/>
            </a:pPr>
            <a:endParaRPr lang="de-CH" i="1" dirty="0"/>
          </a:p>
          <a:p>
            <a:pPr>
              <a:buNone/>
            </a:pPr>
            <a:r>
              <a:rPr lang="de-CH" i="1" baseline="30000" dirty="0"/>
              <a:t>2</a:t>
            </a:r>
            <a:r>
              <a:rPr lang="de-CH" i="1" dirty="0"/>
              <a:t>Sie koordinieren ihre Anstrengungen und stellen ihre Zusammenarbeit durch gemeinsame Organe und andere Vorkehren sicher.</a:t>
            </a:r>
          </a:p>
          <a:p>
            <a:pPr>
              <a:buNone/>
            </a:pPr>
            <a:endParaRPr lang="de-CH" i="1" dirty="0"/>
          </a:p>
          <a:p>
            <a:pPr>
              <a:buNone/>
            </a:pPr>
            <a:r>
              <a:rPr lang="de-CH" i="1" baseline="30000" dirty="0"/>
              <a:t>3</a:t>
            </a:r>
            <a:r>
              <a:rPr lang="de-CH" i="1" dirty="0"/>
              <a:t>Sie setzen sich bei der Erfüllung ihrer Aufgaben dafür ein, dass allgemein bildende und berufsbezogene Bildungswege eine gleichwertige gesellschaftliche Anerkennung finden.</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4</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4107104959"/>
      </p:ext>
    </p:extLst>
  </p:cSld>
  <p:clrMapOvr>
    <a:masterClrMapping/>
  </p:clrMapOvr>
  <p:transition spd="med">
    <p:pull/>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hteck 7"/>
          <p:cNvSpPr/>
          <p:nvPr/>
        </p:nvSpPr>
        <p:spPr>
          <a:xfrm>
            <a:off x="323528" y="1556792"/>
            <a:ext cx="8460469" cy="43204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 name="Inhaltsplatzhalter 2"/>
          <p:cNvSpPr>
            <a:spLocks noGrp="1"/>
          </p:cNvSpPr>
          <p:nvPr>
            <p:ph idx="1"/>
            <p:custDataLst>
              <p:tags r:id="rId1"/>
            </p:custDataLst>
          </p:nvPr>
        </p:nvSpPr>
        <p:spPr>
          <a:xfrm>
            <a:off x="396472" y="1076554"/>
            <a:ext cx="8424000" cy="4224654"/>
          </a:xfrm>
        </p:spPr>
        <p:txBody>
          <a:bodyPr/>
          <a:lstStyle/>
          <a:p>
            <a:pPr>
              <a:buNone/>
            </a:pPr>
            <a:r>
              <a:rPr lang="de-CH" b="1" i="1" dirty="0"/>
              <a:t>Art. 62 BV</a:t>
            </a:r>
            <a:r>
              <a:rPr lang="de-CH" i="1" dirty="0"/>
              <a:t>	Schulwesen</a:t>
            </a:r>
            <a:endParaRPr lang="de-CH" i="1" baseline="30000" dirty="0"/>
          </a:p>
          <a:p>
            <a:pPr>
              <a:buNone/>
            </a:pPr>
            <a:endParaRPr lang="de-CH" i="1" baseline="30000" dirty="0"/>
          </a:p>
          <a:p>
            <a:pPr>
              <a:lnSpc>
                <a:spcPct val="100000"/>
              </a:lnSpc>
              <a:buNone/>
            </a:pPr>
            <a:r>
              <a:rPr lang="de-CH" i="1" baseline="30000" dirty="0"/>
              <a:t>1</a:t>
            </a:r>
            <a:r>
              <a:rPr lang="de-CH" i="1" dirty="0"/>
              <a:t>Für das Schulwesen sind die Kantone zuständig.</a:t>
            </a:r>
          </a:p>
          <a:p>
            <a:pPr>
              <a:lnSpc>
                <a:spcPct val="100000"/>
              </a:lnSpc>
              <a:buNone/>
            </a:pPr>
            <a:endParaRPr lang="de-CH" i="1" dirty="0"/>
          </a:p>
          <a:p>
            <a:pPr>
              <a:lnSpc>
                <a:spcPct val="100000"/>
              </a:lnSpc>
              <a:buNone/>
            </a:pPr>
            <a:r>
              <a:rPr lang="de-CH" i="1" baseline="30000" dirty="0"/>
              <a:t>2</a:t>
            </a:r>
            <a:r>
              <a:rPr lang="de-CH" i="1" dirty="0"/>
              <a:t>Sie sorgen für einen ausreichenden Grundschulunterricht, der allen Kindern offen steht. Der Grundschulunterricht ist obligatorisch und untersteht staatlicher Leitung oder Aufsicht. An öffentlichen Schulen ist er unentgeltlich.</a:t>
            </a:r>
          </a:p>
          <a:p>
            <a:pPr>
              <a:lnSpc>
                <a:spcPct val="100000"/>
              </a:lnSpc>
              <a:buNone/>
            </a:pPr>
            <a:endParaRPr lang="de-CH" i="1" dirty="0"/>
          </a:p>
          <a:p>
            <a:pPr>
              <a:lnSpc>
                <a:spcPct val="100000"/>
              </a:lnSpc>
              <a:buNone/>
            </a:pPr>
            <a:r>
              <a:rPr lang="de-CH" i="1" baseline="30000" dirty="0"/>
              <a:t>3</a:t>
            </a:r>
            <a:r>
              <a:rPr lang="de-CH" i="1" dirty="0"/>
              <a:t>Die Kantone sorgen für eine ausreichende Sonderschulung aller behinderten Kinder und Jugendlichen bis längstens zum vollendeten 20. Altersjahr.</a:t>
            </a:r>
          </a:p>
        </p:txBody>
      </p:sp>
      <p:sp>
        <p:nvSpPr>
          <p:cNvPr id="2" name="Titel 1"/>
          <p:cNvSpPr>
            <a:spLocks noGrp="1"/>
          </p:cNvSpPr>
          <p:nvPr>
            <p:ph type="title"/>
            <p:custDataLst>
              <p:tags r:id="rId2"/>
            </p:custDataLst>
          </p:nvPr>
        </p:nvSpPr>
        <p:spPr/>
        <p:txBody>
          <a:bodyPr/>
          <a:lstStyle/>
          <a:p>
            <a:r>
              <a:rPr lang="de-CH" dirty="0"/>
              <a:t>Rechtliche Grundlagen der Volksschule</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5</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2701801971"/>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hteck 8"/>
          <p:cNvSpPr/>
          <p:nvPr/>
        </p:nvSpPr>
        <p:spPr>
          <a:xfrm>
            <a:off x="323528" y="1745106"/>
            <a:ext cx="8460469" cy="1152128"/>
          </a:xfrm>
          <a:prstGeom prst="rect">
            <a:avLst/>
          </a:prstGeom>
          <a:ln>
            <a:noFill/>
          </a:ln>
        </p:spPr>
        <p:style>
          <a:lnRef idx="2">
            <a:schemeClr val="accent6"/>
          </a:lnRef>
          <a:fillRef idx="1">
            <a:schemeClr val="lt1"/>
          </a:fillRef>
          <a:effectRef idx="0">
            <a:schemeClr val="accent6"/>
          </a:effectRef>
          <a:fontRef idx="minor">
            <a:schemeClr val="dk1"/>
          </a:fontRef>
        </p:style>
        <p:txBody>
          <a:bodyPr rtlCol="0" anchor="ctr"/>
          <a:lstStyle/>
          <a:p>
            <a:pPr algn="ctr"/>
            <a:endParaRPr lang="de-CH" dirty="0"/>
          </a:p>
        </p:txBody>
      </p:sp>
      <p:sp>
        <p:nvSpPr>
          <p:cNvPr id="3" name="Inhaltsplatzhalter 2"/>
          <p:cNvSpPr>
            <a:spLocks noGrp="1"/>
          </p:cNvSpPr>
          <p:nvPr>
            <p:ph idx="1"/>
            <p:custDataLst>
              <p:tags r:id="rId1"/>
            </p:custDataLst>
          </p:nvPr>
        </p:nvSpPr>
        <p:spPr>
          <a:xfrm>
            <a:off x="396472" y="1076554"/>
            <a:ext cx="8424000" cy="4224654"/>
          </a:xfrm>
        </p:spPr>
        <p:txBody>
          <a:bodyPr/>
          <a:lstStyle/>
          <a:p>
            <a:pPr>
              <a:buNone/>
            </a:pPr>
            <a:r>
              <a:rPr lang="de-CH" b="1" i="1" dirty="0"/>
              <a:t>Art. 62 BV</a:t>
            </a:r>
            <a:r>
              <a:rPr lang="de-CH" i="1" dirty="0"/>
              <a:t>	Schulwesen</a:t>
            </a:r>
            <a:endParaRPr lang="de-CH" i="1" baseline="30000" dirty="0"/>
          </a:p>
          <a:p>
            <a:pPr>
              <a:buNone/>
            </a:pPr>
            <a:endParaRPr lang="de-CH" i="1" baseline="30000" dirty="0"/>
          </a:p>
          <a:p>
            <a:pPr>
              <a:lnSpc>
                <a:spcPct val="100000"/>
              </a:lnSpc>
              <a:buNone/>
            </a:pPr>
            <a:r>
              <a:rPr lang="de-CH" i="1" baseline="30000" dirty="0"/>
              <a:t>4</a:t>
            </a:r>
            <a:r>
              <a:rPr lang="de-CH" i="1" dirty="0"/>
              <a:t>Kommt auf dem Koordinationsweg keine Harmonisierung des Schulwesens im Bereich des Schuleintrittsalters und der Schulpflicht, der Dauer und Ziele der Bildungsstufen und von deren Übergängen sowie der Anerkennung von Abschlüssen zustande, so erlässt der Bund die notwendigen Vorschriften.</a:t>
            </a:r>
          </a:p>
          <a:p>
            <a:pPr>
              <a:lnSpc>
                <a:spcPct val="100000"/>
              </a:lnSpc>
              <a:buNone/>
            </a:pPr>
            <a:endParaRPr lang="de-CH" i="1" dirty="0"/>
          </a:p>
          <a:p>
            <a:pPr>
              <a:lnSpc>
                <a:spcPct val="100000"/>
              </a:lnSpc>
              <a:buNone/>
            </a:pPr>
            <a:r>
              <a:rPr lang="de-CH" i="1" baseline="30000" dirty="0"/>
              <a:t>5</a:t>
            </a:r>
            <a:r>
              <a:rPr lang="de-CH" i="1" dirty="0"/>
              <a:t>Der Bund regelt den Beginn des Schuljahres.</a:t>
            </a:r>
          </a:p>
          <a:p>
            <a:pPr>
              <a:lnSpc>
                <a:spcPct val="100000"/>
              </a:lnSpc>
              <a:buNone/>
            </a:pPr>
            <a:endParaRPr lang="de-CH" i="1" dirty="0"/>
          </a:p>
          <a:p>
            <a:pPr>
              <a:lnSpc>
                <a:spcPct val="100000"/>
              </a:lnSpc>
              <a:buNone/>
            </a:pPr>
            <a:r>
              <a:rPr lang="de-CH" i="1" baseline="30000" dirty="0"/>
              <a:t>6</a:t>
            </a:r>
            <a:r>
              <a:rPr lang="de-CH" i="1" dirty="0"/>
              <a:t>Bei der Vorbereitung von Erlassen des Bundes, welche die Zuständigkeit der Kantone betreffen, kommt der Mitwirkung der Kantone besonderes Gewicht zu.</a:t>
            </a:r>
          </a:p>
        </p:txBody>
      </p:sp>
      <p:sp>
        <p:nvSpPr>
          <p:cNvPr id="2" name="Titel 1"/>
          <p:cNvSpPr>
            <a:spLocks noGrp="1"/>
          </p:cNvSpPr>
          <p:nvPr>
            <p:ph type="title"/>
            <p:custDataLst>
              <p:tags r:id="rId2"/>
            </p:custDataLst>
          </p:nvPr>
        </p:nvSpPr>
        <p:spPr/>
        <p:txBody>
          <a:bodyPr/>
          <a:lstStyle/>
          <a:p>
            <a:r>
              <a:rPr lang="de-CH" dirty="0"/>
              <a:t>Rechtliche Grundlagen der Volksschule</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6</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1706122026"/>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Folgerungen</a:t>
            </a:r>
          </a:p>
        </p:txBody>
      </p:sp>
      <p:sp>
        <p:nvSpPr>
          <p:cNvPr id="3" name="Inhaltsplatzhalter 2"/>
          <p:cNvSpPr>
            <a:spLocks noGrp="1"/>
          </p:cNvSpPr>
          <p:nvPr>
            <p:ph idx="1"/>
            <p:custDataLst>
              <p:tags r:id="rId2"/>
            </p:custDataLst>
          </p:nvPr>
        </p:nvSpPr>
        <p:spPr>
          <a:xfrm>
            <a:off x="360000" y="1089024"/>
            <a:ext cx="8424000" cy="4788247"/>
          </a:xfrm>
        </p:spPr>
        <p:txBody>
          <a:bodyPr/>
          <a:lstStyle/>
          <a:p>
            <a:pPr marL="457200" indent="-457200">
              <a:buClr>
                <a:schemeClr val="tx1"/>
              </a:buClr>
              <a:buFont typeface="+mj-lt"/>
              <a:buAutoNum type="arabicPeriod"/>
            </a:pPr>
            <a:r>
              <a:rPr lang="de-CH" dirty="0"/>
              <a:t>Für die Volksschule (den Grundschulunterricht) sind die Kantone zuständig.</a:t>
            </a:r>
          </a:p>
          <a:p>
            <a:pPr marL="457200" indent="-457200">
              <a:buClr>
                <a:schemeClr val="tx1"/>
              </a:buClr>
              <a:buFont typeface="+mj-lt"/>
              <a:buAutoNum type="arabicPeriod"/>
            </a:pPr>
            <a:endParaRPr lang="de-CH" sz="1050" dirty="0"/>
          </a:p>
          <a:p>
            <a:pPr marL="457200" indent="-457200">
              <a:buClr>
                <a:schemeClr val="tx1"/>
              </a:buClr>
              <a:buFont typeface="+mj-lt"/>
              <a:buAutoNum type="arabicPeriod"/>
            </a:pPr>
            <a:r>
              <a:rPr lang="de-CH" dirty="0"/>
              <a:t>Der Volksschulunterricht an öffentlichen Schulen ist unentgeltlich. Zur Unentgeltlichkeit gehört auch, dass die Schülerinnen und Schüler unentgeltlich zur Schule gelangen können.</a:t>
            </a:r>
          </a:p>
          <a:p>
            <a:pPr marL="457200" indent="-457200">
              <a:buClr>
                <a:schemeClr val="tx1"/>
              </a:buClr>
              <a:buFont typeface="+mj-lt"/>
              <a:buAutoNum type="arabicPeriod"/>
            </a:pPr>
            <a:endParaRPr lang="de-CH" sz="1050" dirty="0"/>
          </a:p>
          <a:p>
            <a:pPr marL="457200" indent="-457200">
              <a:buClr>
                <a:schemeClr val="tx1"/>
              </a:buClr>
              <a:buFont typeface="+mj-lt"/>
              <a:buAutoNum type="arabicPeriod"/>
            </a:pPr>
            <a:r>
              <a:rPr lang="de-CH" dirty="0"/>
              <a:t>Der Bund kann Vorschriften erlassen für die Bereiche Schuleintrittsalter, Schulpflicht, Dauer und Ziele der Bildungsstufen und von deren Übergängen sowie der Anerkennung von Abschlüssen, wenn auf dem </a:t>
            </a:r>
            <a:r>
              <a:rPr lang="de-CH" dirty="0" err="1"/>
              <a:t>Konkordatsweg</a:t>
            </a:r>
            <a:r>
              <a:rPr lang="de-CH" dirty="0"/>
              <a:t> keine Harmonisierung zustande kommt. Nach Artikel 48a BV kann er interkantonale Verträge im Schulwesen bezüglich der Harmonisierungspunkte allgemein verbindlich erklären oder Kantone zur Beteiligung an interkantonalen Verträgen verpflichten. </a:t>
            </a:r>
          </a:p>
          <a:p>
            <a:pPr marL="457200" indent="-457200">
              <a:buClr>
                <a:schemeClr val="tx1"/>
              </a:buClr>
              <a:buFont typeface="+mj-lt"/>
              <a:buAutoNum type="arabicPeriod"/>
            </a:pPr>
            <a:endParaRPr lang="de-CH" sz="1050" dirty="0"/>
          </a:p>
          <a:p>
            <a:pPr marL="457200" indent="-457200">
              <a:buClr>
                <a:schemeClr val="tx1"/>
              </a:buClr>
              <a:buFont typeface="+mj-lt"/>
              <a:buAutoNum type="arabicPeriod"/>
            </a:pPr>
            <a:r>
              <a:rPr lang="de-CH" dirty="0"/>
              <a:t>Die Berufsbildung liegt im Regelungsbereich des Bundes.</a:t>
            </a:r>
          </a:p>
          <a:p>
            <a:pPr marL="457200" indent="-457200">
              <a:buClr>
                <a:schemeClr val="tx1"/>
              </a:buClr>
              <a:buFont typeface="+mj-lt"/>
              <a:buAutoNum type="arabicPeriod"/>
            </a:pPr>
            <a:endParaRPr lang="de-CH" sz="1050" dirty="0"/>
          </a:p>
          <a:p>
            <a:pPr marL="457200" indent="-457200">
              <a:buClr>
                <a:schemeClr val="tx1"/>
              </a:buClr>
              <a:buFont typeface="+mj-lt"/>
              <a:buAutoNum type="arabicPeriod"/>
            </a:pPr>
            <a:r>
              <a:rPr lang="de-CH" dirty="0"/>
              <a:t>Hochschulen sind eine Verbundaufgabe zwischen Bund und Kantonen. </a:t>
            </a:r>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7</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829697040"/>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EDK</a:t>
            </a:r>
          </a:p>
        </p:txBody>
      </p:sp>
      <p:sp>
        <p:nvSpPr>
          <p:cNvPr id="3" name="Inhaltsplatzhalter 2"/>
          <p:cNvSpPr>
            <a:spLocks noGrp="1"/>
          </p:cNvSpPr>
          <p:nvPr>
            <p:ph idx="1"/>
            <p:custDataLst>
              <p:tags r:id="rId2"/>
            </p:custDataLst>
          </p:nvPr>
        </p:nvSpPr>
        <p:spPr/>
        <p:txBody>
          <a:bodyPr/>
          <a:lstStyle/>
          <a:p>
            <a:r>
              <a:rPr lang="de-CH" dirty="0"/>
              <a:t>Die Schweizerische Konferenz der kantonalen Erziehungsdirektorinnen und -direktoren (EDK) ist der Zusammenschluss der 26 kantonalen Regierungsmitglieder.</a:t>
            </a:r>
          </a:p>
          <a:p>
            <a:endParaRPr lang="de-CH" dirty="0"/>
          </a:p>
          <a:p>
            <a:r>
              <a:rPr lang="de-CH" dirty="0"/>
              <a:t>Die EDK funktioniert über einen Verbund von Staatsverträgen: das Schulkonkordat von 1970, die Diplomanerkennungsvereinbarung von 1993 und verschiedene Finanzierungs- und Freizügigkeitsabkommen.</a:t>
            </a:r>
          </a:p>
          <a:p>
            <a:r>
              <a:rPr lang="de-CH" dirty="0"/>
              <a:t>Drei neuere Interkantonale Vereinbarungen:</a:t>
            </a:r>
          </a:p>
          <a:p>
            <a:pPr marL="342900" indent="-342900">
              <a:buClr>
                <a:schemeClr val="tx1"/>
              </a:buClr>
              <a:buFont typeface="Symbol" panose="05050102010706020507" pitchFamily="18" charset="2"/>
              <a:buChar char="-"/>
            </a:pPr>
            <a:r>
              <a:rPr lang="de-CH" dirty="0"/>
              <a:t>Vereinbarung über die Harmonisierung der obligatorischen Schule</a:t>
            </a:r>
            <a:br>
              <a:rPr lang="de-CH" dirty="0"/>
            </a:br>
            <a:r>
              <a:rPr lang="de-CH" dirty="0"/>
              <a:t>(</a:t>
            </a:r>
            <a:r>
              <a:rPr lang="de-CH" dirty="0" err="1"/>
              <a:t>HarmoS</a:t>
            </a:r>
            <a:r>
              <a:rPr lang="de-CH" dirty="0"/>
              <a:t>-Konkordat)</a:t>
            </a:r>
          </a:p>
          <a:p>
            <a:pPr marL="342900" indent="-342900">
              <a:buClr>
                <a:schemeClr val="tx1"/>
              </a:buClr>
              <a:buFont typeface="Symbol" panose="05050102010706020507" pitchFamily="18" charset="2"/>
              <a:buChar char="-"/>
            </a:pPr>
            <a:r>
              <a:rPr lang="de-CH" dirty="0"/>
              <a:t>Vereinbarung über die Zusammenarbeit im sonderpädagogischen Bereich (Sonderpädagogik-Konkordat)</a:t>
            </a:r>
          </a:p>
          <a:p>
            <a:pPr marL="342900" indent="-342900">
              <a:buClr>
                <a:schemeClr val="tx1"/>
              </a:buClr>
              <a:buFont typeface="Symbol" panose="05050102010706020507" pitchFamily="18" charset="2"/>
              <a:buChar char="-"/>
            </a:pPr>
            <a:r>
              <a:rPr lang="de-CH" dirty="0"/>
              <a:t>Vereinbarung zur Harmonisierung von Ausbildungsbeiträgen (Stipendien-Konkordat)</a:t>
            </a:r>
          </a:p>
          <a:p>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8</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381365348"/>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Regionalkonferenzen</a:t>
            </a:r>
          </a:p>
        </p:txBody>
      </p:sp>
      <p:sp>
        <p:nvSpPr>
          <p:cNvPr id="3" name="Inhaltsplatzhalter 2"/>
          <p:cNvSpPr>
            <a:spLocks noGrp="1"/>
          </p:cNvSpPr>
          <p:nvPr>
            <p:ph idx="1"/>
            <p:custDataLst>
              <p:tags r:id="rId2"/>
            </p:custDataLst>
          </p:nvPr>
        </p:nvSpPr>
        <p:spPr/>
        <p:txBody>
          <a:bodyPr/>
          <a:lstStyle/>
          <a:p>
            <a:pPr marL="342900" indent="-342900">
              <a:buClr>
                <a:schemeClr val="tx1"/>
              </a:buClr>
              <a:buFont typeface="Arial" panose="020B0604020202020204" pitchFamily="34" charset="0"/>
              <a:buChar char="•"/>
            </a:pPr>
            <a:r>
              <a:rPr lang="de-CH" sz="2400" dirty="0"/>
              <a:t>Gemäss Schulkonkordat gibt es vier Regionalkonferenzen:</a:t>
            </a:r>
          </a:p>
          <a:p>
            <a:pPr marL="622300" lvl="1" indent="-266700">
              <a:buClr>
                <a:schemeClr val="tx1"/>
              </a:buClr>
              <a:buFont typeface="Symbol" panose="05050102010706020507" pitchFamily="18" charset="2"/>
              <a:buChar char="-"/>
            </a:pPr>
            <a:r>
              <a:rPr lang="de-CH" dirty="0"/>
              <a:t>Westschweiz und Tessin (CIIP)</a:t>
            </a:r>
          </a:p>
          <a:p>
            <a:pPr marL="622300" lvl="1" indent="-266700">
              <a:buClr>
                <a:schemeClr val="tx1"/>
              </a:buClr>
              <a:buFont typeface="Symbol" panose="05050102010706020507" pitchFamily="18" charset="2"/>
              <a:buChar char="-"/>
            </a:pPr>
            <a:r>
              <a:rPr lang="de-CH" dirty="0"/>
              <a:t>Nordwestschweiz (NW EDK)</a:t>
            </a:r>
          </a:p>
          <a:p>
            <a:pPr marL="622300" lvl="1" indent="-266700">
              <a:buClr>
                <a:schemeClr val="tx1"/>
              </a:buClr>
              <a:buFont typeface="Symbol" panose="05050102010706020507" pitchFamily="18" charset="2"/>
              <a:buChar char="-"/>
            </a:pPr>
            <a:r>
              <a:rPr lang="de-CH" dirty="0"/>
              <a:t>Zentralschweiz (BKZ)</a:t>
            </a:r>
          </a:p>
          <a:p>
            <a:pPr marL="622300" lvl="1" indent="-266700">
              <a:buClr>
                <a:schemeClr val="tx1"/>
              </a:buClr>
              <a:buFont typeface="Symbol" panose="05050102010706020507" pitchFamily="18" charset="2"/>
              <a:buChar char="-"/>
            </a:pPr>
            <a:r>
              <a:rPr lang="de-CH" dirty="0"/>
              <a:t>Ostschweiz (EDK-Ost)</a:t>
            </a:r>
          </a:p>
          <a:p>
            <a:pPr marL="342900" indent="-342900">
              <a:buClr>
                <a:schemeClr val="tx1"/>
              </a:buClr>
              <a:buFont typeface="Arial" panose="020B0604020202020204" pitchFamily="34" charset="0"/>
              <a:buChar char="•"/>
            </a:pPr>
            <a:r>
              <a:rPr lang="de-CH" sz="2400" dirty="0"/>
              <a:t>Zentralschweiz: Bildungsdirektorenkonferenz Zentralschweiz (BKZ): lange Tradition</a:t>
            </a:r>
          </a:p>
          <a:p>
            <a:pPr marL="342900" indent="-342900">
              <a:buClr>
                <a:schemeClr val="tx1"/>
              </a:buClr>
              <a:buFont typeface="Arial" panose="020B0604020202020204" pitchFamily="34" charset="0"/>
              <a:buChar char="•"/>
            </a:pPr>
            <a:r>
              <a:rPr lang="de-CH" sz="2400" dirty="0"/>
              <a:t>Lehrpläne wurden sprachregional erarbeitet:</a:t>
            </a:r>
            <a:br>
              <a:rPr lang="de-CH" sz="2400" dirty="0"/>
            </a:br>
            <a:r>
              <a:rPr lang="de-CH" sz="2400" dirty="0"/>
              <a:t>21 Deutschschweizer Kantone schlossen sich zu diesem Zweck zur D-EDK zusammen (aufgelöst per Ende 2018).</a:t>
            </a:r>
          </a:p>
          <a:p>
            <a:endParaRPr lang="de-CH" dirty="0"/>
          </a:p>
        </p:txBody>
      </p:sp>
      <p:sp>
        <p:nvSpPr>
          <p:cNvPr id="4" name="Foliennummernplatzhalter 3"/>
          <p:cNvSpPr>
            <a:spLocks noGrp="1"/>
          </p:cNvSpPr>
          <p:nvPr>
            <p:ph type="sldNum" sz="quarter" idx="12"/>
            <p:custDataLst>
              <p:tags r:id="rId3"/>
            </p:custDataLst>
          </p:nvPr>
        </p:nvSpPr>
        <p:spPr/>
        <p:txBody>
          <a:bodyPr/>
          <a:lstStyle/>
          <a:p>
            <a:fld id="{565A3E7D-0018-4715-8B3D-68E2BF3AD988}" type="slidenum">
              <a:rPr lang="de-CH" smtClean="0"/>
              <a:t>9</a:t>
            </a:fld>
            <a:endParaRPr lang="de-CH" dirty="0"/>
          </a:p>
        </p:txBody>
      </p:sp>
      <p:sp>
        <p:nvSpPr>
          <p:cNvPr id="5" name="Textplatzhalter 4"/>
          <p:cNvSpPr>
            <a:spLocks noGrp="1"/>
          </p:cNvSpPr>
          <p:nvPr>
            <p:ph type="body" sz="quarter" idx="14"/>
          </p:nvPr>
        </p:nvSpPr>
        <p:spPr/>
        <p:txBody>
          <a:bodyPr/>
          <a:lstStyle/>
          <a:p>
            <a:endParaRPr lang="de-CH" dirty="0"/>
          </a:p>
        </p:txBody>
      </p:sp>
    </p:spTree>
    <p:extLst>
      <p:ext uri="{BB962C8B-B14F-4D97-AF65-F5344CB8AC3E}">
        <p14:creationId xmlns:p14="http://schemas.microsoft.com/office/powerpoint/2010/main" val="3903389703"/>
      </p:ext>
    </p:extLst>
  </p:cSld>
  <p:clrMapOvr>
    <a:masterClrMapping/>
  </p:clrMapOvr>
  <p:transition spd="med">
    <p:pull/>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3">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5050208344992196010&quot; ShowField=&quot;false&quot; /&gt;&#10;        &lt;Field Id=&quot;2015050409230571862545&quot; ShowField=&quot;false&quot; /&gt;&#10;        &lt;Field Id=&quot;2015112410525896344021&quot; ShowField=&quot;false&quot; /&gt;&#10;        &lt;Field Id=&quot;2015061707085003119930&quot; ShowField=&quot;false&quot; /&gt;&#10;        &lt;Field Id=&quot;2015060515035698321636&quot; ShowField=&quot;false&quot; /&gt;&#10;        &lt;Field Id=&quot;2015061707074509117199&quot; ShowField=&quot;false&quot; /&gt;&#10;        &lt;Field Id=&quot;2014100713520656170131&quot; ShowField=&quot;false&quot; /&gt;&#10;        &lt;Field Id=&quot;2014100815534870815593&quot; ShowField=&quot;false&quot; /&gt;&#10;        &lt;Field Id=&quot;2014100713520983817455&quot; ShowField=&quot;false&quot; /&gt;&#10;        &lt;Field Id=&quot;2014102008381419767757&quot; ShowField=&quot;false&quot; /&gt;&#10;        &lt;Field Id=&quot;2010110313382911123043&quot; ShowField=&quot;false&quot; /&gt;&#10;        &lt;Field Id=&quot;2016022409393107506130&quot; ShowField=&quot;true&quot; /&gt;&#10;        &lt;Field Id=&quot;2016022409393485137691&quot; ShowField=&quot;true&quot; /&gt;&#10;        &lt;Field Id=&quot;2016022409431225454296&quot; ShowField=&quot;true&quot; /&gt;&#10;        &lt;Field Id=&quot;2016022409452373572475&quot; ShowField=&quot;true&quot; /&gt;&#10;        &lt;Field Id=&quot;2016022409393604268902&quot; ShowField=&quot;tru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aesentation4_3"/>
  <p:tag name="OFFICEATWORKPRESENTATIONPROJECTID" val="urch"/>
  <p:tag name="OAWWIZARDSTEPS" val="0|1|4"/>
  <p:tag name="ZOAWLANGID" val="2055"/>
  <p:tag name="OAWDOCPROPSOURCE" val="&lt;DocProps&gt;&lt;DocProp UID=&quot;2002122011014149059130932&quot; EntryUID=&quot;2004123010144120300001&quot; PrimaryUID=&quot;ClientSuite&quot;&gt;&lt;Field Name=&quot;IDName&quot; Value=&quot;(Benutzerdefiniert)&quot;/&gt;&lt;Field Name=&quot;Direktion&quot; Value=&quot;Bildungs- und Kulturdirektion&quot;/&gt;&lt;Field Name=&quot;Amt&quot; Value=&quot;&quot;/&gt;&lt;Field Name=&quot;Abteilung&quot; Value=&quot;&quot;/&gt;&lt;Field Name=&quot;Sektion&quot; Value=&quot;&quot;/&gt;&lt;Field Name=&quot;AbsenderKopfzeileZ1&quot; Value=&quot;Bildungs- und&quot;/&gt;&lt;Field Name=&quot;AbsenderKopfzeileZ2&quot; Value=&quot;Kulturdirektion&quot;/&gt;&lt;Field Name=&quot;AbsenderKopfzeileZ3&quot; Value=&quot;&quot;/&gt;&lt;Field Name=&quot;AbsenderGrussformelZ1&quot; Value=&quot;Bildungs- und Kulturdirektion&quot;/&gt;&lt;Field Name=&quot;AbsenderGrussformelZ2&quot; Value=&quot;&quot;/&gt;&lt;Field Name=&quot;Address1&quot; Value=&quot;Klausenstrasse 4&quot;/&gt;&lt;Field Name=&quot;Address2&quot; Value=&quot;6460 Altdorf&quot;/&gt;&lt;Field Name=&quot;Address3&quot; Value=&quot;&quot;/&gt;&lt;Field Name=&quot;AdressSingleLine&quot; Value=&quot;Bildungs- und Kulturdirektion, Klausenstrasse 4, 6460 Altdorf&quot;/&gt;&lt;Field Name=&quot;Country&quot; Value=&quot;CH&quot;/&gt;&lt;Field Name=&quot;City&quot; Value=&quot;Altdorf&quot;/&gt;&lt;Field Name=&quot;Telefon&quot; Value=&quot;+41 41 875 2056&quot;/&gt;&lt;Field Name=&quot;Fax&quot; Value=&quot;+41 41 875 2087&quot;/&gt;&lt;Field Name=&quot;Email&quot; Value=&quot;ds.bkd@ur.ch&quot;/&gt;&lt;Field Name=&quot;Internet&quot; Value=&quot;www.ur.ch/bkd&quot;/&gt;&lt;Field Name=&quot;Footer1&quot; Value=&quot;&quot;/&gt;&lt;Field Name=&quot;Footer2&quot; Value=&quot;&quot;/&gt;&lt;Field Name=&quot;Footer3&quot; Value=&quot;&quot;/&gt;&lt;Field Name=&quot;Footer4&quot; Value=&quot;&quot;/&gt;&lt;Field Name=&quot;LogoKopfColorPortrait&quot; Value=&quot;%Logos%\Kanton_farbig.2100.350.png&quot;/&gt;&lt;Field Name=&quot;LogoKopfBlackWhitePortrait&quot; Value=&quot;%Logos%\Kanton_schwarzweiss.2100.350.png&quot;/&gt;&lt;Field Name=&quot;BotschaftColorPortrait&quot; Value=&quot;&quot;/&gt;&lt;Field Name=&quot;BotschaftBlackWhitePortrait&quot; Value=&quot;&quot;/&gt;&lt;Field Name=&quot;LogoColorLandscape&quot; Value=&quot;&quot;/&gt;&lt;Field Name=&quot;LogoBlackWhiteLandscape&quot; Value=&quot;&quot;/&gt;&lt;Field Name=&quot;OlLogoSignature&quot; Value=&quot;&quot;/&gt;&lt;Field Name=&quot;PpThemesDefault&quot; Value=&quot;&quot;/&gt;&lt;Field Name=&quot;PpThemesPresentation&quot; Value=&quot;&quot;/&gt;&lt;Field Name=&quot;PpThemesSlide&quot; Value=&quot;&quot;/&gt;&lt;Field Name=&quot;PpThemesObject&quot; Value=&quot;&quot;/&gt;&lt;Field Name=&quot;PpLogoTitleSlides169&quot; Value=&quot;&quot;/&gt;&lt;Field Name=&quot;PpLogoContentSlides169&quot; Value=&quot;&quot;/&gt;&lt;Field Name=&quot;Wasserzeichen&quot; Value=&quot;&quot;/&gt;&lt;Field Name=&quot;SelectedUID&quot; Value=&quot;2004123010144120300001&quot;/&gt;&lt;/DocProp&gt;&lt;DocProp UID=&quot;2006040509495284662868&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212191811121321310321301031x&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2122010583847234010578&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03061115381095709037&quot; EntryUID=&quot;2003121817293296325874&quot; PrimaryUID=&quot;ClientSuite&quot;&gt;&lt;Field Name=&quot;IDName&quot; Value=&quot;(Leer)&quot;/&gt;&lt;Field Name=&quot;Name&quot; Value=&quot;&quot;/&gt;&lt;Field Name=&quot;DirectPhone&quot; Value=&quot;&quot;/&gt;&lt;Field Name=&quot;Mobile&quot; Value=&quot;&quot;/&gt;&lt;Field Name=&quot;EMail&quot; Value=&quot;&quot;/&gt;&lt;Field Name=&quot;SignatureHighResColor&quot; Value=&quot;&quot;/&gt;&lt;Field Name=&quot;SignatureHighResBW&quot; Value=&quot;&quot;/&gt;&lt;Field Name=&quot;Vorname&quot; Value=&quot;&quot;/&gt;&lt;Field Name=&quot;Nachname&quot; Value=&quot;&quot;/&gt;&lt;Field Name=&quot;Initials&quot; Value=&quot;&quot;/&gt;&lt;Field Name=&quot;SelectedUID&quot; Value=&quot;2004123010144120300001&quot;/&gt;&lt;/DocProp&gt;&lt;DocProp UID=&quot;2014100909000750901714&quot; EntryUID=&quot;2003121817293296325874&quot; PrimaryUID=&quot;ClientSuite&quot;&gt;&lt;Field Name=&quot;IDName&quot; Value=&quot;(Leer)&quot;/&gt;&lt;Field Name=&quot;YesNoText&quot; Value=&quot;&quot;/&gt;&lt;Field Name=&quot;SelectedUID&quot; Value=&quot;2004123010144120300001&quot;/&gt;&lt;/DocProp&gt;&lt;DocProp UID=&quot;2015043016195084617168&quot; EntryUID=&quot;2003121817293296325874&quot; PrimaryUID=&quot;ClientSuite&quot;&gt;&lt;Field Name=&quot;IDName&quot; Value=&quot;(Leer)&quot;/&gt;&lt;Field Name=&quot;Function&quot; Value=&quot;&quot;/&gt;&lt;Field Name=&quot;FunctionZ2&quot; Value=&quot;&quot;/&gt;&lt;Field Name=&quot;SelectedUID&quot; Value=&quot;2004123010144120300001&quot;/&gt;&lt;/DocProp&gt;&lt;DocProp UID=&quot;2015043016203775177837&quot; EntryUID=&quot;2003121817293296325874&quot; PrimaryUID=&quot;ClientSuite&quot;&gt;&lt;Field Name=&quot;IDName&quot; Value=&quot;(Leer)&quot;/&gt;&lt;Field Name=&quot;Function&quot; Value=&quot;&quot;/&gt;&lt;Field Name=&quot;FunctionZ2&quot; Value=&quot;&quot;/&gt;&lt;Field Name=&quot;SelectedUID&quot; Value=&quot;2004123010144120300001&quot;/&gt;&lt;/DocProp&gt;&lt;DocProp UID=&quot;2015111314092304757595&quot; EntryUID=&quot;2055&quot; PrimaryUID=&quot;ClientSuite&quot;&gt;&lt;Field Name=&quot;IDName&quot; Value=&quot;German&quot;/&gt;&lt;Field Name=&quot;SelectedUID&quot; Value=&quot;2004123010144120300001&quot;/&gt;&lt;/DocProp&gt;&lt;DocProp UID=&quot;2004112217333376588294&quot; EntryUID=&quot;2004123010144120300001&quot;&gt;&lt;Field UID=&quot;2016022409393107506130&quot; Name=&quot;PresentationTitle&quot; Value=&quot;Kurs für Mitglieder des Schulrats und Schulsekretariate&quot;/&gt;&lt;Field UID=&quot;2016022409393485137691&quot; Name=&quot;PresentationSubtitle&quot; Value=&quot;1. Kursabend: 10. April 2024&quot;/&gt;&lt;Field UID=&quot;2016022409431225454296&quot; Name=&quot;PresentationVeranstaltung&quot; Value=&quot;&quot;/&gt;&lt;Field UID=&quot;2016022409452373572475&quot; Name=&quot;PresentationDate&quot; Value=&quot;10. April 2024&quot;/&gt;&lt;Field UID=&quot;2016022409393604268902&quot; Name=&quot;PresentationProjecttitle&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Titel"/>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Textmasterformat &#10;bearbeiten"/>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Kapiteltitel"/>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Aufbau des Kurses"/>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Referatswechsel: Titel"/>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Bildungssystem im Kanton Uri"/>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3"/>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Art. 61a BV Bildungsraum Schweiz"/>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Bund und Kantone sorgen gemeinsam im Rahmen ihrer Zuständigkeiten für eine hohe Qualität und Durch-lässigkeit des Bildungsraumes Schweiz.&#10;&#10;2Sie koordinieren ihre Anstrengungen und stellen ihre Zusammenarbeit durch gemeinsame Organe und andere Vorkehren sicher.&#10;&#10;3Sie setzen sich bei der Erfüllung ihrer Aufgaben dafür ein, dass allgemein bildende und berufsbezogene Bildungswege eine gleichwertige gesellschaftliche Anerkennung finden."/>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4"/>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1Für das Schulwesen sind die Kantone zuständig.&#10;&#10;2Sie sorgen für einen ausreichenden Grundschulunterricht, der allen Kindern offen steht. Der Grundschulunterricht ist obligatorisch und untersteht staatlicher Leitung oder Aufsicht. An öffentlichen Schulen ist er unentgeltlich.&#10;&#10;3Kommt auf dem Koordinationsweg keine Harmonisierung des Schulwesens im Bereich des Schuleintrittsalters und der Schulpflicht, der Dauer und Ziele der Bildungsstufen und von deren Übergängen sowie der Anerkennung von Abschlüssen zustande, so erlässt der Bund die notwendigen Vorschriften.&#10;&#10;4Der Bund regelt den Beginn des Schuljahres.&#10;&#10;5Bei der Vorbereitung von Erlassen des Bundes, welche die Zuständigkeit der Kantone betreffen, kommt der Mitwirkung der Kantone besonderes Gewicht zu."/>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Art. 62 BV Schulwesen"/>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1Für das Schulwesen sind die Kantone zuständig.&#10;&#10;2Sie sorgen für einen ausreichenden Grundschulunterricht, der allen Kindern offen steht. Der Grundschulunterricht ist obligatorisch und untersteht staatlicher Leitung oder Aufsicht. An öffentlichen Schulen ist er unentgeltlich.&#10;&#10;3Kommt auf dem Koordinationsweg keine Harmonisierung des Schulwesens im Bereich des Schuleintrittsalters und der Schulpflicht, der Dauer und Ziele der Bildungsstufen und von deren Übergängen sowie der Anerkennung von Abschlüssen zustande, so erlässt der Bund die notwendigen Vorschriften.&#10;&#10;4Der Bund regelt den Beginn des Schuljahres.&#10;&#10;5Bei der Vorbereitung von Erlassen des Bundes, welche die Zuständigkeit der Kantone betreffen, kommt der Mitwirkung der Kantone besonderes Gewicht zu."/>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Art. 62 BV Schulwesen"/>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Folgerungen"/>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Für die Volksschule (den Grundschulunterricht) sind die Kantone zuständig.&#10;Der Volksschulunterricht an öffentlichen Schulen ist unentgeltlich. Zur Unentgeltlichkeit gehört auch, dass die Schülerinnen und Schüler unentgeltlich zur Schule gelangen können.&#10;Der Bund kann Vorschriften erlassen für die Bereiche Schuleintrittsalter, Schulpflicht, Dauer und Ziele der Bildungsstufen und von deren Übergängen sowie der Anerkennung von Abschlüssen, wenn auf dem Konkordatsweg keine Harmonisierung zustande kommt. Nach Artikel 48a BV kann er interkantonale Verträge im Schulwesen bezüglich der Harmonisierungspunkte allgemein verbindlich erklären oder Kantone zur Beteiligung an interkantonalen Verträgen verpflichten. &#10;Die Berufsbildung liegt im Regelungsbereich des Bundes.&#10;Hochschulen sind eine Verbundaufgabe zwischen Bund und Kantonen. "/>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EDK"/>
</p:tagLst>
</file>

<file path=ppt/tags/tag136.xml><?xml version="1.0" encoding="utf-8"?>
<p:tagLst xmlns:a="http://schemas.openxmlformats.org/drawingml/2006/main" xmlns:r="http://schemas.openxmlformats.org/officeDocument/2006/relationships" xmlns:p="http://schemas.openxmlformats.org/presentationml/2006/main">
  <p:tag name="OFFICATWORKEXPRESSIONTAG" val="Die Schweizerische Konferenz der kantonalen Erziehungsdirektoren (EDK) ist der Zusammenschluss der 26 kantonalen Regierungsmitglieder.&#10;&#10;Verbund von Staatsverträgen: das Schulkonkordat von 1970, die Diplomanerkennungsvereinbarung von 1993 und verschiedene Finanzierungs- und Freizügigkeitsabkommen.&#10;&#10;Drei neuere Interkantonale Vereinbarungen:&#10;Vereinbarung über die Harmonisierung der obligatorischen Schule (HarmoS-Konkordat)&#10;Vereinbarung über die Zusammenarbeit im sonderpädagogischen Bereich (Sonderpädagogik-Konkordat)&#10;Stipendienkonkordat&#10;"/>
</p:tagLst>
</file>

<file path=ppt/tags/tag137.xml><?xml version="1.0" encoding="utf-8"?>
<p:tagLst xmlns:a="http://schemas.openxmlformats.org/drawingml/2006/main" xmlns:r="http://schemas.openxmlformats.org/officeDocument/2006/relationships" xmlns:p="http://schemas.openxmlformats.org/presentationml/2006/main">
  <p:tag name="OFFICATWORKEXPRESSIONTAG" val="7"/>
</p:tagLst>
</file>

<file path=ppt/tags/tag138.xml><?xml version="1.0" encoding="utf-8"?>
<p:tagLst xmlns:a="http://schemas.openxmlformats.org/drawingml/2006/main" xmlns:r="http://schemas.openxmlformats.org/officeDocument/2006/relationships" xmlns:p="http://schemas.openxmlformats.org/presentationml/2006/main">
  <p:tag name="OFFICATWORKEXPRESSIONTAG" val="BKZ und D-EDK"/>
</p:tagLst>
</file>

<file path=ppt/tags/tag139.xml><?xml version="1.0" encoding="utf-8"?>
<p:tagLst xmlns:a="http://schemas.openxmlformats.org/drawingml/2006/main" xmlns:r="http://schemas.openxmlformats.org/officeDocument/2006/relationships" xmlns:p="http://schemas.openxmlformats.org/presentationml/2006/main">
  <p:tag name="OFFICATWORKEXPRESSIONTAG" val="Gemäss Schulkonkordat gibt es vier Regionalkonferenzen:&#10;Westschweiz und Tessin (CIIP)&#10;Nordwestschweiz (NW EDK)&#10;Zentralschweiz (BKZ)&#10;Ostschweiz (EDK-Ost)&#10;Zentralschweiz: Bildungsdirektorenkonferenz Zentralschweiz (BKZ): lange Tradition&#10;Lehrpläne werden zukünftig sprachregional erarbeitet: 21 Deutschschweizer Kantone haben sich zur D-EDK zusammengeschlossen&#10;"/>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140.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41.xml><?xml version="1.0" encoding="utf-8"?>
<p:tagLst xmlns:a="http://schemas.openxmlformats.org/drawingml/2006/main" xmlns:r="http://schemas.openxmlformats.org/officeDocument/2006/relationships" xmlns:p="http://schemas.openxmlformats.org/presentationml/2006/main">
  <p:tag name="OFFICATWORKEXPRESSIONTAG" val="21 Kantone – 1 Lehrplan"/>
</p:tagLst>
</file>

<file path=ppt/tags/tag142.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143.xml><?xml version="1.0" encoding="utf-8"?>
<p:tagLst xmlns:a="http://schemas.openxmlformats.org/drawingml/2006/main" xmlns:r="http://schemas.openxmlformats.org/officeDocument/2006/relationships" xmlns:p="http://schemas.openxmlformats.org/presentationml/2006/main">
  <p:tag name="OFFICATWORKEXPRESSIONTAG" val="Plan d’études romand (PER)"/>
</p:tagLst>
</file>

<file path=ppt/tags/tag144.xml><?xml version="1.0" encoding="utf-8"?>
<p:tagLst xmlns:a="http://schemas.openxmlformats.org/drawingml/2006/main" xmlns:r="http://schemas.openxmlformats.org/officeDocument/2006/relationships" xmlns:p="http://schemas.openxmlformats.org/presentationml/2006/main">
  <p:tag name="OFFICATWORKEXPRESSIONTAG" val="Erster gemeinsamer Lehrplan der deutsch- und mehrsprachigen Kantone: Lehrplan 21"/>
</p:tagLst>
</file>

<file path=ppt/tags/tag145.xml><?xml version="1.0" encoding="utf-8"?>
<p:tagLst xmlns:a="http://schemas.openxmlformats.org/drawingml/2006/main" xmlns:r="http://schemas.openxmlformats.org/officeDocument/2006/relationships" xmlns:p="http://schemas.openxmlformats.org/presentationml/2006/main">
  <p:tag name="OFFICATWORKEXPRESSIONTAG" val="Plan d’études romand (PER)"/>
</p:tagLst>
</file>

<file path=ppt/tags/tag146.xml><?xml version="1.0" encoding="utf-8"?>
<p:tagLst xmlns:a="http://schemas.openxmlformats.org/drawingml/2006/main" xmlns:r="http://schemas.openxmlformats.org/officeDocument/2006/relationships" xmlns:p="http://schemas.openxmlformats.org/presentationml/2006/main">
  <p:tag name="OFFICATWORKEXPRESSIONTAG" val="Bildung in der Urner Gesetzgebung"/>
</p:tagLst>
</file>

<file path=ppt/tags/tag147.xml><?xml version="1.0" encoding="utf-8"?>
<p:tagLst xmlns:a="http://schemas.openxmlformats.org/drawingml/2006/main" xmlns:r="http://schemas.openxmlformats.org/officeDocument/2006/relationships" xmlns:p="http://schemas.openxmlformats.org/presentationml/2006/main">
  <p:tag name="OFFICATWORKEXPRESSIONTAG" val="Bundesgesetzgebung"/>
</p:tagLst>
</file>

<file path=ppt/tags/tag148.xml><?xml version="1.0" encoding="utf-8"?>
<p:tagLst xmlns:a="http://schemas.openxmlformats.org/drawingml/2006/main" xmlns:r="http://schemas.openxmlformats.org/officeDocument/2006/relationships" xmlns:p="http://schemas.openxmlformats.org/presentationml/2006/main">
  <p:tag name="OFFICATWORKEXPRESSIONTAG" val="Konkordate"/>
</p:tagLst>
</file>

<file path=ppt/tags/tag149.xml><?xml version="1.0" encoding="utf-8"?>
<p:tagLst xmlns:a="http://schemas.openxmlformats.org/drawingml/2006/main" xmlns:r="http://schemas.openxmlformats.org/officeDocument/2006/relationships" xmlns:p="http://schemas.openxmlformats.org/presentationml/2006/main">
  <p:tag name="OFFICATWORKEXPRESSIONTAG" val="Kantonsverfassung"/>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Direktion&quot;)=&quot;&quot;, MasterProperty(&quot;Direktion&quot;, &quot;Amt&quot;), &quot;&quot;)]]"/>
</p:tagLst>
</file>

<file path=ppt/tags/tag150.xml><?xml version="1.0" encoding="utf-8"?>
<p:tagLst xmlns:a="http://schemas.openxmlformats.org/drawingml/2006/main" xmlns:r="http://schemas.openxmlformats.org/officeDocument/2006/relationships" xmlns:p="http://schemas.openxmlformats.org/presentationml/2006/main">
  <p:tag name="OFFICATWORKEXPRESSIONTAG" val="Gesetze"/>
</p:tagLst>
</file>

<file path=ppt/tags/tag151.xml><?xml version="1.0" encoding="utf-8"?>
<p:tagLst xmlns:a="http://schemas.openxmlformats.org/drawingml/2006/main" xmlns:r="http://schemas.openxmlformats.org/officeDocument/2006/relationships" xmlns:p="http://schemas.openxmlformats.org/presentationml/2006/main">
  <p:tag name="OFFICATWORKEXPRESSIONTAG" val="Verordnungen"/>
</p:tagLst>
</file>

<file path=ppt/tags/tag152.xml><?xml version="1.0" encoding="utf-8"?>
<p:tagLst xmlns:a="http://schemas.openxmlformats.org/drawingml/2006/main" xmlns:r="http://schemas.openxmlformats.org/officeDocument/2006/relationships" xmlns:p="http://schemas.openxmlformats.org/presentationml/2006/main">
  <p:tag name="OFFICATWORKEXPRESSIONTAG" val="Reglemente"/>
</p:tagLst>
</file>

<file path=ppt/tags/tag153.xml><?xml version="1.0" encoding="utf-8"?>
<p:tagLst xmlns:a="http://schemas.openxmlformats.org/drawingml/2006/main" xmlns:r="http://schemas.openxmlformats.org/officeDocument/2006/relationships" xmlns:p="http://schemas.openxmlformats.org/presentationml/2006/main">
  <p:tag name="OFFICATWORKEXPRESSIONTAG" val="Weisungen/Richtlinien"/>
</p:tagLst>
</file>

<file path=ppt/tags/tag154.xml><?xml version="1.0" encoding="utf-8"?>
<p:tagLst xmlns:a="http://schemas.openxmlformats.org/drawingml/2006/main" xmlns:r="http://schemas.openxmlformats.org/officeDocument/2006/relationships" xmlns:p="http://schemas.openxmlformats.org/presentationml/2006/main">
  <p:tag name="OFFICATWORKEXPRESSIONTAG" val="&#10;&#10;Vertrag zwischen Kantonen&#10;&#10;&#10;Volk&#10;&#10;Volk&#10;&#10;Landrat/Volk&#10;&#10;Regierungsrat/Erziehungsrat&#10;&#10;Erziehungsrat&#10;"/>
</p:tagLst>
</file>

<file path=ppt/tags/tag155.xml><?xml version="1.0" encoding="utf-8"?>
<p:tagLst xmlns:a="http://schemas.openxmlformats.org/drawingml/2006/main" xmlns:r="http://schemas.openxmlformats.org/officeDocument/2006/relationships" xmlns:p="http://schemas.openxmlformats.org/presentationml/2006/main">
  <p:tag name="OFFICATWORKEXPRESSIONTAG" val="Das Urner Rechtsbuch"/>
</p:tagLst>
</file>

<file path=ppt/tags/tag156.xml><?xml version="1.0" encoding="utf-8"?>
<p:tagLst xmlns:a="http://schemas.openxmlformats.org/drawingml/2006/main" xmlns:r="http://schemas.openxmlformats.org/officeDocument/2006/relationships" xmlns:p="http://schemas.openxmlformats.org/presentationml/2006/main">
  <p:tag name="OFFICATWORKEXPRESSIONTAG" val="www.ur.ch"/>
</p:tagLst>
</file>

<file path=ppt/tags/tag157.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58.xml><?xml version="1.0" encoding="utf-8"?>
<p:tagLst xmlns:a="http://schemas.openxmlformats.org/drawingml/2006/main" xmlns:r="http://schemas.openxmlformats.org/officeDocument/2006/relationships" xmlns:p="http://schemas.openxmlformats.org/presentationml/2006/main">
  <p:tag name="OFFICATWORKEXPRESSIONTAG" val="Kurze Pause"/>
</p:tagLst>
</file>

<file path=ppt/tags/tag159.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160.xml><?xml version="1.0" encoding="utf-8"?>
<p:tagLst xmlns:a="http://schemas.openxmlformats.org/drawingml/2006/main" xmlns:r="http://schemas.openxmlformats.org/officeDocument/2006/relationships" xmlns:p="http://schemas.openxmlformats.org/presentationml/2006/main">
  <p:tag name="OFFICATWORKEXPRESSIONTAG" val="Die Kantonsverfassung vom 28. Oktober 1984 (RB 1.1101) hat das Bildungswesen wie folgt geregelt:&#10; &#10;Abschnitt: Bildungswesen&#10; &#10;Artikel 33 Öffentliche Schulen&#10; &#10;Der Kanton und die Gemeinden schaffen geeignete Voraussetzungen, damit alle Kinder und Jugendlichen ihren Anlagen entsprechend an öffentlichen Volks-, Mit­tel- und Berufsschulen unterrichtet werden können."/>
</p:tagLst>
</file>

<file path=ppt/tags/tag161.xml><?xml version="1.0" encoding="utf-8"?>
<p:tagLst xmlns:a="http://schemas.openxmlformats.org/drawingml/2006/main" xmlns:r="http://schemas.openxmlformats.org/officeDocument/2006/relationships" xmlns:p="http://schemas.openxmlformats.org/presentationml/2006/main">
  <p:tag name="OFFICATWORKEXPRESSIONTAG" val="11"/>
</p:tagLst>
</file>

<file path=ppt/tags/tag162.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63.xml><?xml version="1.0" encoding="utf-8"?>
<p:tagLst xmlns:a="http://schemas.openxmlformats.org/drawingml/2006/main" xmlns:r="http://schemas.openxmlformats.org/officeDocument/2006/relationships" xmlns:p="http://schemas.openxmlformats.org/presentationml/2006/main">
  <p:tag name="OFFICATWORKEXPRESSIONTAG" val="Artikel 34 Volksschulen&#10;  a) Schulbesuch&#10;&#10;Der Besuch der Volksschule ist unentgeltlich und, soweit die Gesetzgebung nichts anderes bestimmt, obligatorisch.&#10;&#10;Artikel 35 b) Trägerschaft und Aufsicht&#10;&#10;1Träger der Volksschulen sind die Gemeinden oder Gemeindeverbände.&#10;&#10;2Der Kanton unterstützt und beaufsichtigt die Gemeinden und die Gemeindeverbände.&#10;&#10;Artikel 36 c) Sonderschulen&#10;&#10;Der Kanton führt oder unterstützt Sonderschulen und Heime. Er kann die Gemeinden zu angemessenen Leistungen beiziehen.&#10; &#10; &#10;"/>
</p:tagLst>
</file>

<file path=ppt/tags/tag164.xml><?xml version="1.0" encoding="utf-8"?>
<p:tagLst xmlns:a="http://schemas.openxmlformats.org/drawingml/2006/main" xmlns:r="http://schemas.openxmlformats.org/officeDocument/2006/relationships" xmlns:p="http://schemas.openxmlformats.org/presentationml/2006/main">
  <p:tag name="OFFICATWORKEXPRESSIONTAG" val="12"/>
</p:tagLst>
</file>

<file path=ppt/tags/tag165.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66.xml><?xml version="1.0" encoding="utf-8"?>
<p:tagLst xmlns:a="http://schemas.openxmlformats.org/drawingml/2006/main" xmlns:r="http://schemas.openxmlformats.org/officeDocument/2006/relationships" xmlns:p="http://schemas.openxmlformats.org/presentationml/2006/main">
  <p:tag name="OFFICATWORKEXPRESSIONTAG" val="Artikel 37 Kindergärten&#10;&#10;Die Gemeinden führen Kindergärten.&#10;&#10;Artikel 38 Berufsschule und höhere Schulen&#10;&#10;1Der Kanton fördert die Berufs- und Fachausbildung und die höhere Schulbildung.&#10;2Er kann entsprechende Bildungsanstalten selber betreiben oder sich an solchen beteiligen.&#10;&#10;Artikel 39 Privatschulen&#10;&#10;Das Recht des Privatschulunterrichts ist gewährleistet. Privatschulen sind bewilli­gungspflichtig und unterstehen der Aufsicht des Kantons."/>
</p:tagLst>
</file>

<file path=ppt/tags/tag167.xml><?xml version="1.0" encoding="utf-8"?>
<p:tagLst xmlns:a="http://schemas.openxmlformats.org/drawingml/2006/main" xmlns:r="http://schemas.openxmlformats.org/officeDocument/2006/relationships" xmlns:p="http://schemas.openxmlformats.org/presentationml/2006/main">
  <p:tag name="OFFICATWORKEXPRESSIONTAG" val="13"/>
</p:tagLst>
</file>

<file path=ppt/tags/tag168.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69.xml><?xml version="1.0" encoding="utf-8"?>
<p:tagLst xmlns:a="http://schemas.openxmlformats.org/drawingml/2006/main" xmlns:r="http://schemas.openxmlformats.org/officeDocument/2006/relationships" xmlns:p="http://schemas.openxmlformats.org/presentationml/2006/main">
  <p:tag name="OFFICATWORKEXPRESSIONTAG" val="Artikel 40 Ausbildungshilfen&#10;&#10;Der Kanton richtet Ausbildungshilfen in Form von Stipendien und Darlehen aus.&#10; &#10;Artikel 41 Erwachsenenbildung und Freizeitbeschäftigung&#10;&#10;Der Kanton und die Gemeinden können die Erwachsenenbildung und Bestrebungen für eine sinnvolle Freizeitgestaltung unterstützen."/>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170.xml><?xml version="1.0" encoding="utf-8"?>
<p:tagLst xmlns:a="http://schemas.openxmlformats.org/drawingml/2006/main" xmlns:r="http://schemas.openxmlformats.org/officeDocument/2006/relationships" xmlns:p="http://schemas.openxmlformats.org/presentationml/2006/main">
  <p:tag name="OFFICATWORKEXPRESSIONTAG" val="14"/>
</p:tagLst>
</file>

<file path=ppt/tags/tag171.xml><?xml version="1.0" encoding="utf-8"?>
<p:tagLst xmlns:a="http://schemas.openxmlformats.org/drawingml/2006/main" xmlns:r="http://schemas.openxmlformats.org/officeDocument/2006/relationships" xmlns:p="http://schemas.openxmlformats.org/presentationml/2006/main">
  <p:tag name="OFFICATWORKEXPRESSIONTAG" val="Bildung in der Urner Kantonsverfassung"/>
</p:tagLst>
</file>

<file path=ppt/tags/tag172.xml><?xml version="1.0" encoding="utf-8"?>
<p:tagLst xmlns:a="http://schemas.openxmlformats.org/drawingml/2006/main" xmlns:r="http://schemas.openxmlformats.org/officeDocument/2006/relationships" xmlns:p="http://schemas.openxmlformats.org/presentationml/2006/main">
  <p:tag name="OFFICATWORKEXPRESSIONTAG" val="Artikel 42 Kulturpflege&#10; &#10;Der Kanton und die Gemeinden pflegen das heimatliche Kulturgut und fördern künstlerische und kulturelle Bestrebungen und Tätigkeiten.&#10; &#10;Artikel 43 Gesetzgebung&#10; &#10;Die Gesetzgebung führt die Grundsätze über das Bildungswesen und insbeson­dere über die Dauer der obligatorischen Schulpflicht sowie über die Kulturpflege näher aus."/>
</p:tagLst>
</file>

<file path=ppt/tags/tag173.xml><?xml version="1.0" encoding="utf-8"?>
<p:tagLst xmlns:a="http://schemas.openxmlformats.org/drawingml/2006/main" xmlns:r="http://schemas.openxmlformats.org/officeDocument/2006/relationships" xmlns:p="http://schemas.openxmlformats.org/presentationml/2006/main">
  <p:tag name="OFFICATWORKEXPRESSIONTAG" val="15"/>
</p:tagLst>
</file>

<file path=ppt/tags/tag174.xml><?xml version="1.0" encoding="utf-8"?>
<p:tagLst xmlns:a="http://schemas.openxmlformats.org/drawingml/2006/main" xmlns:r="http://schemas.openxmlformats.org/officeDocument/2006/relationships" xmlns:p="http://schemas.openxmlformats.org/presentationml/2006/main">
  <p:tag name="OFFICATWORKEXPRESSIONTAG" val="Schulgesetz"/>
</p:tagLst>
</file>

<file path=ppt/tags/tag175.xml><?xml version="1.0" encoding="utf-8"?>
<p:tagLst xmlns:a="http://schemas.openxmlformats.org/drawingml/2006/main" xmlns:r="http://schemas.openxmlformats.org/officeDocument/2006/relationships" xmlns:p="http://schemas.openxmlformats.org/presentationml/2006/main">
  <p:tag name="OFFICATWORKEXPRESSIONTAG" val="Art. 2 Bildungsziele&#10;&#10;1Die Schule dient der Bildung und Erziehung der Schülerinnen und Schüler.&#10;&#10;2Sie unterstützt und fördert die ganzheitliche Entwicklung der Schülerinnen und Schüler und bemüht sich, diese zu selbstständigen und toleranten Menschen zu erziehen, die der Gemeinschaft und der Umwelt gegenüber verantwortungsbewusst handeln. Sie ist der christlich-abendländischen Kultur und den demokratischen Grundsätzen verpflichtet.&#10;&#10;3Sie vermittelt den Schülerinnen und Schülern eine zeitgemässe und ihrer Begabung entsprechende Ausbildung.&#10;&#10;4Um diese Ziele zu erreichen, arbeitet die Schule mit Eltern, öffentlich-rechtlich anerkannten Kirchen, sozialen Institutionen und weiteren Fach-gremien zusammen."/>
</p:tagLst>
</file>

<file path=ppt/tags/tag176.xml><?xml version="1.0" encoding="utf-8"?>
<p:tagLst xmlns:a="http://schemas.openxmlformats.org/drawingml/2006/main" xmlns:r="http://schemas.openxmlformats.org/officeDocument/2006/relationships" xmlns:p="http://schemas.openxmlformats.org/presentationml/2006/main">
  <p:tag name="OFFICATWORKEXPRESSIONTAG" val="16"/>
</p:tagLst>
</file>

<file path=ppt/tags/tag177.xml><?xml version="1.0" encoding="utf-8"?>
<p:tagLst xmlns:a="http://schemas.openxmlformats.org/drawingml/2006/main" xmlns:r="http://schemas.openxmlformats.org/officeDocument/2006/relationships" xmlns:p="http://schemas.openxmlformats.org/presentationml/2006/main">
  <p:tag name="OFFICATWORKEXPRESSIONTAG" val="Stellung der Schule"/>
</p:tagLst>
</file>

<file path=ppt/tags/tag178.xml><?xml version="1.0" encoding="utf-8"?>
<p:tagLst xmlns:a="http://schemas.openxmlformats.org/drawingml/2006/main" xmlns:r="http://schemas.openxmlformats.org/officeDocument/2006/relationships" xmlns:p="http://schemas.openxmlformats.org/presentationml/2006/main">
  <p:tag name="OFFICATWORKEXPRESSIONTAG" val="Die Schule ist eine «Anstalt»&#10;Weisungsgewalt&#10;&#10;Grenzen&#10;Örtlich: Schulareal&#10;Zeitlich: Schulzeit: Stundenplan&#10;Sachlich: Bildungsziel&#10;Persönlich: Wer darf Weisungen erteilen?"/>
</p:tagLst>
</file>

<file path=ppt/tags/tag179.xml><?xml version="1.0" encoding="utf-8"?>
<p:tagLst xmlns:a="http://schemas.openxmlformats.org/drawingml/2006/main" xmlns:r="http://schemas.openxmlformats.org/officeDocument/2006/relationships" xmlns:p="http://schemas.openxmlformats.org/presentationml/2006/main">
  <p:tag name="OFFICATWORKEXPRESSIONTAG" val="17"/>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180.xml><?xml version="1.0" encoding="utf-8"?>
<p:tagLst xmlns:a="http://schemas.openxmlformats.org/drawingml/2006/main" xmlns:r="http://schemas.openxmlformats.org/officeDocument/2006/relationships" xmlns:p="http://schemas.openxmlformats.org/presentationml/2006/main">
  <p:tag name="OFFICATWORKEXPRESSIONTAG" val="18"/>
</p:tagLst>
</file>

<file path=ppt/tags/tag181.xml><?xml version="1.0" encoding="utf-8"?>
<p:tagLst xmlns:a="http://schemas.openxmlformats.org/drawingml/2006/main" xmlns:r="http://schemas.openxmlformats.org/officeDocument/2006/relationships" xmlns:p="http://schemas.openxmlformats.org/presentationml/2006/main">
  <p:tag name="OFFICATWORKEXPRESSIONTAG" val="örtliche Grenze&#10;(Schulareal: mit Ausnahmen)"/>
</p:tagLst>
</file>

<file path=ppt/tags/tag182.xml><?xml version="1.0" encoding="utf-8"?>
<p:tagLst xmlns:a="http://schemas.openxmlformats.org/drawingml/2006/main" xmlns:r="http://schemas.openxmlformats.org/officeDocument/2006/relationships" xmlns:p="http://schemas.openxmlformats.org/presentationml/2006/main">
  <p:tag name="OFFICATWORKEXPRESSIONTAG" val="zeitliche Grenze&#10;(Schulzeit, Stundenplan)"/>
</p:tagLst>
</file>

<file path=ppt/tags/tag183.xml><?xml version="1.0" encoding="utf-8"?>
<p:tagLst xmlns:a="http://schemas.openxmlformats.org/drawingml/2006/main" xmlns:r="http://schemas.openxmlformats.org/officeDocument/2006/relationships" xmlns:p="http://schemas.openxmlformats.org/presentationml/2006/main">
  <p:tag name="OFFICATWORKEXPRESSIONTAG" val="sachliche Grenze&#10;(Bildungsziel)"/>
</p:tagLst>
</file>

<file path=ppt/tags/tag184.xml><?xml version="1.0" encoding="utf-8"?>
<p:tagLst xmlns:a="http://schemas.openxmlformats.org/drawingml/2006/main" xmlns:r="http://schemas.openxmlformats.org/officeDocument/2006/relationships" xmlns:p="http://schemas.openxmlformats.org/presentationml/2006/main">
  <p:tag name="OFFICATWORKEXPRESSIONTAG" val="Legalitätsprinzip"/>
</p:tagLst>
</file>

<file path=ppt/tags/tag185.xml><?xml version="1.0" encoding="utf-8"?>
<p:tagLst xmlns:a="http://schemas.openxmlformats.org/drawingml/2006/main" xmlns:r="http://schemas.openxmlformats.org/officeDocument/2006/relationships" xmlns:p="http://schemas.openxmlformats.org/presentationml/2006/main">
  <p:tag name="OFFICATWORKEXPRESSIONTAG" val="Die Verwaltung (Schulrat) muss sich immer ans Gesetz halten, wo ein solches besteht; sie darf nicht davon abweichen (Vorrang des Gesetzes)&#10;&#10;Um auf irgendeinem Gebiet tätig zu werden, braucht die Verwaltung (Schulrat) eine gesetzliche Ermächtigung. Zudem muss sie sich für Eingriffe in Freiheit und Eigentum auf ein Gesetz stützen können (Vorbehalt des Gesetzes)"/>
</p:tagLst>
</file>

<file path=ppt/tags/tag186.xml><?xml version="1.0" encoding="utf-8"?>
<p:tagLst xmlns:a="http://schemas.openxmlformats.org/drawingml/2006/main" xmlns:r="http://schemas.openxmlformats.org/officeDocument/2006/relationships" xmlns:p="http://schemas.openxmlformats.org/presentationml/2006/main">
  <p:tag name="OFFICATWORKEXPRESSIONTAG" val="19"/>
</p:tagLst>
</file>

<file path=ppt/tags/tag187.xml><?xml version="1.0" encoding="utf-8"?>
<p:tagLst xmlns:a="http://schemas.openxmlformats.org/drawingml/2006/main" xmlns:r="http://schemas.openxmlformats.org/officeDocument/2006/relationships" xmlns:p="http://schemas.openxmlformats.org/presentationml/2006/main">
  <p:tag name="OFFICATWORKEXPRESSIONTAG" val="Grundrechte"/>
</p:tagLst>
</file>

<file path=ppt/tags/tag188.xml><?xml version="1.0" encoding="utf-8"?>
<p:tagLst xmlns:a="http://schemas.openxmlformats.org/drawingml/2006/main" xmlns:r="http://schemas.openxmlformats.org/officeDocument/2006/relationships" xmlns:p="http://schemas.openxmlformats.org/presentationml/2006/main">
  <p:tag name="OFFICATWORKEXPRESSIONTAG" val="Persönliche Freiheit&#10;Meinungsäusserungs- und Informationsfreiheit&#10;Pressefreiheit&#10;Religionsfreiheit&#10;Eigentumsgarantie&#10;Gebot der Gleichbehandlung und Willkürverbot&#10;Treu und Glauben&#10;Anspruch auf rechtliches Gehör&#10;Prinzip der Verhältnismässigkeit&#10;Verbot der Rechtsverweigerung"/>
</p:tagLst>
</file>

<file path=ppt/tags/tag189.xml><?xml version="1.0" encoding="utf-8"?>
<p:tagLst xmlns:a="http://schemas.openxmlformats.org/drawingml/2006/main" xmlns:r="http://schemas.openxmlformats.org/officeDocument/2006/relationships" xmlns:p="http://schemas.openxmlformats.org/presentationml/2006/main">
  <p:tag name="OFFICATWORKEXPRESSIONTAG" val="20"/>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190.xml><?xml version="1.0" encoding="utf-8"?>
<p:tagLst xmlns:a="http://schemas.openxmlformats.org/drawingml/2006/main" xmlns:r="http://schemas.openxmlformats.org/officeDocument/2006/relationships" xmlns:p="http://schemas.openxmlformats.org/presentationml/2006/main">
  <p:tag name="OFFICATWORKEXPRESSIONTAG" val="21"/>
</p:tagLst>
</file>

<file path=ppt/tags/tag191.xml><?xml version="1.0" encoding="utf-8"?>
<p:tagLst xmlns:a="http://schemas.openxmlformats.org/drawingml/2006/main" xmlns:r="http://schemas.openxmlformats.org/officeDocument/2006/relationships" xmlns:p="http://schemas.openxmlformats.org/presentationml/2006/main">
  <p:tag name="OFFICATWORKEXPRESSIONTAG" val="Schule als Anstalt mit Grenzen"/>
</p:tagLst>
</file>

<file path=ppt/tags/tag192.xml><?xml version="1.0" encoding="utf-8"?>
<p:tagLst xmlns:a="http://schemas.openxmlformats.org/drawingml/2006/main" xmlns:r="http://schemas.openxmlformats.org/officeDocument/2006/relationships" xmlns:p="http://schemas.openxmlformats.org/presentationml/2006/main">
  <p:tag name="OFFICATWORKEXPRESSIONTAG" val="Grundrechte"/>
</p:tagLst>
</file>

<file path=ppt/tags/tag193.xml><?xml version="1.0" encoding="utf-8"?>
<p:tagLst xmlns:a="http://schemas.openxmlformats.org/drawingml/2006/main" xmlns:r="http://schemas.openxmlformats.org/officeDocument/2006/relationships" xmlns:p="http://schemas.openxmlformats.org/presentationml/2006/main">
  <p:tag name="OFFICATWORKEXPRESSIONTAG" val="Spezifische schul-rechtliche gesetzliche Grundlagen (SchG, SchV)"/>
</p:tagLst>
</file>

<file path=ppt/tags/tag194.xml><?xml version="1.0" encoding="utf-8"?>
<p:tagLst xmlns:a="http://schemas.openxmlformats.org/drawingml/2006/main" xmlns:r="http://schemas.openxmlformats.org/officeDocument/2006/relationships" xmlns:p="http://schemas.openxmlformats.org/presentationml/2006/main">
  <p:tag name="OFFICATWORKEXPRESSIONTAG" val="Fragen?"/>
</p:tagLst>
</file>

<file path=ppt/tags/tag195.xml><?xml version="1.0" encoding="utf-8"?>
<p:tagLst xmlns:a="http://schemas.openxmlformats.org/drawingml/2006/main" xmlns:r="http://schemas.openxmlformats.org/officeDocument/2006/relationships" xmlns:p="http://schemas.openxmlformats.org/presentationml/2006/main">
  <p:tag name="OFFICATWORKEXPRESSIONTAG" val="24"/>
</p:tagLst>
</file>

<file path=ppt/tags/tag196.xml><?xml version="1.0" encoding="utf-8"?>
<p:tagLst xmlns:a="http://schemas.openxmlformats.org/drawingml/2006/main" xmlns:r="http://schemas.openxmlformats.org/officeDocument/2006/relationships" xmlns:p="http://schemas.openxmlformats.org/presentationml/2006/main">
  <p:tag name="OFFICATWORKEXPRESSIONTAG" val="Herzlichen Dank für Ihre Aufmerksamkeit"/>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MasterProperty(&quot;Direktion&quot;, &quot;Direktion&quot;)]][[If(MasterProperty(&quot;Direktion&quot;, &quot;Amt&quot;)=&quot;&quot;, &quot;&quot;, &quot; &quot; &amp; MasterProperty(&quot;Direktion&quot;, &quot;Amt&quot;))]]"/>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Seit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Date&quot;)]]"/>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Projecttitle&quot;)]]"/>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18.05.2017"/>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Untertitel 1 einfügen Untertitel 2 einfügen"/>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Author&quot;, &quot;Name&quot;)=&quot;&quot;, &quot;&quot;, MasterProperty(&quot;Author&quot;, &quot;Name&quot;))]][[IF(MasterProperty(&quot;Function1&quot;, &quot;Function&quot;)=&quot;&quot;, &quot;&quot;, &quot;, &quot; &amp; MasterProperty(&quot;Function1&quot;, &quot;Function&quot;))]][[IF(MasterProperty(&quot;Function1&quot;, &quot;FunctionZ2&quot;)=&quot;&quot;, &quot;&quot;, &quot; &quot; &amp; MasterProperty(&quot;Function1&quot;, &quot;FunctionZ2&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Erklärungdazu"/>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Title&quot;)]]"/>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Subtitle&quot;)]]"/>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Untertitel einfügen"/>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 &quot;PresentationVeranstaltung&quot;)]]&#10;[[MasterProperty(&quot;CustomField&quot;, &quot;PresentationDate&quot;)]]"/>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Titel einfügen"/>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Kapitel&#10;Kapitel"/>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Bild durch Klicken auf Symbol hinzufügen"/>
</p:tagLst>
</file>

<file path=ppt/theme/theme1.xml><?xml version="1.0" encoding="utf-8"?>
<a:theme xmlns:a="http://schemas.openxmlformats.org/drawingml/2006/main" name="kanton_uri_4_3">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anton_uri_4_3" id="{6A360CD6-30D5-423E-A24A-593913AA5CD3}" vid="{98C12159-060D-46F7-9892-E2FA934AF457}"/>
    </a:ext>
  </a:extLst>
</a:theme>
</file>

<file path=ppt/theme/theme2.xml><?xml version="1.0" encoding="utf-8"?>
<a:theme xmlns:a="http://schemas.openxmlformats.org/drawingml/2006/main" name="Inhalt Standard">
  <a:themeElements>
    <a:clrScheme name="Tabelle">
      <a:dk1>
        <a:srgbClr val="1D182C"/>
      </a:dk1>
      <a:lt1>
        <a:srgbClr val="D9D9D9"/>
      </a:lt1>
      <a:dk2>
        <a:srgbClr val="9B9B9B"/>
      </a:dk2>
      <a:lt2>
        <a:srgbClr val="FFF19F"/>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Inhalt ohne gelben Balken">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image">
  <a:themeElements>
    <a:clrScheme name="Kanton Uri">
      <a:dk1>
        <a:srgbClr val="1D182C"/>
      </a:dk1>
      <a:lt1>
        <a:srgbClr val="FEF20A"/>
      </a:lt1>
      <a:dk2>
        <a:srgbClr val="9B9B9B"/>
      </a:dk2>
      <a:lt2>
        <a:srgbClr val="FEFCA2"/>
      </a:lt2>
      <a:accent1>
        <a:srgbClr val="FEF20A"/>
      </a:accent1>
      <a:accent2>
        <a:srgbClr val="FFA41D"/>
      </a:accent2>
      <a:accent3>
        <a:srgbClr val="FF731D"/>
      </a:accent3>
      <a:accent4>
        <a:srgbClr val="FF0000"/>
      </a:accent4>
      <a:accent5>
        <a:srgbClr val="BF0000"/>
      </a:accent5>
      <a:accent6>
        <a:srgbClr val="920000"/>
      </a:accent6>
      <a:hlink>
        <a:srgbClr val="3B3059"/>
      </a:hlink>
      <a:folHlink>
        <a:srgbClr val="7F6DB0"/>
      </a:folHlink>
    </a:clrScheme>
    <a:fontScheme name="Benutzerdefiniert 2">
      <a:majorFont>
        <a:latin typeface="Calibri"/>
        <a:ea typeface=""/>
        <a:cs typeface=""/>
      </a:majorFont>
      <a:minorFont>
        <a:latin typeface="Calibri"/>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1467</Words>
  <Application>Microsoft Office PowerPoint</Application>
  <PresentationFormat>Bildschirmpräsentation (4:3)</PresentationFormat>
  <Paragraphs>281</Paragraphs>
  <Slides>26</Slides>
  <Notes>25</Notes>
  <HiddenSlides>0</HiddenSlides>
  <MMClips>0</MMClips>
  <ScaleCrop>false</ScaleCrop>
  <HeadingPairs>
    <vt:vector size="6" baseType="variant">
      <vt:variant>
        <vt:lpstr>Verwendete Schriftarten</vt:lpstr>
      </vt:variant>
      <vt:variant>
        <vt:i4>3</vt:i4>
      </vt:variant>
      <vt:variant>
        <vt:lpstr>Design</vt:lpstr>
      </vt:variant>
      <vt:variant>
        <vt:i4>4</vt:i4>
      </vt:variant>
      <vt:variant>
        <vt:lpstr>Folientitel</vt:lpstr>
      </vt:variant>
      <vt:variant>
        <vt:i4>26</vt:i4>
      </vt:variant>
    </vt:vector>
  </HeadingPairs>
  <TitlesOfParts>
    <vt:vector size="33" baseType="lpstr">
      <vt:lpstr>Arial</vt:lpstr>
      <vt:lpstr>Calibri</vt:lpstr>
      <vt:lpstr>Symbol</vt:lpstr>
      <vt:lpstr>kanton_uri_4_3</vt:lpstr>
      <vt:lpstr>Inhalt Standard</vt:lpstr>
      <vt:lpstr>Inhalt ohne gelben Balken</vt:lpstr>
      <vt:lpstr>image</vt:lpstr>
      <vt:lpstr>PowerPoint-Präsentation</vt:lpstr>
      <vt:lpstr>Aufbau des Kurses</vt:lpstr>
      <vt:lpstr>Bildungssystem im Kanton Uri</vt:lpstr>
      <vt:lpstr>Rechtliche Grundlagen der Volksschule</vt:lpstr>
      <vt:lpstr>Rechtliche Grundlagen der Volksschule</vt:lpstr>
      <vt:lpstr>Rechtliche Grundlagen der Volksschule</vt:lpstr>
      <vt:lpstr>Folgerungen</vt:lpstr>
      <vt:lpstr>EDK</vt:lpstr>
      <vt:lpstr>Regionalkonferenzen</vt:lpstr>
      <vt:lpstr>21 Kantone - ein Lehrplan</vt:lpstr>
      <vt:lpstr>Bildung in der Urner Gesetzgebung</vt:lpstr>
      <vt:lpstr>Wo finde ich was?</vt:lpstr>
      <vt:lpstr>Kurze Pause</vt:lpstr>
      <vt:lpstr>Bildung in der Urner Kantonsverfassung</vt:lpstr>
      <vt:lpstr>Bildung in der Urner Kantonsverfassung</vt:lpstr>
      <vt:lpstr>Bildung in der Urner Kantonsverfassung</vt:lpstr>
      <vt:lpstr>Bildung in der Urner Kantonsverfassung</vt:lpstr>
      <vt:lpstr>Bildung in der Urner Kantonsverfassung</vt:lpstr>
      <vt:lpstr>Bildungsgesetz</vt:lpstr>
      <vt:lpstr>Stellung der Schule</vt:lpstr>
      <vt:lpstr>PowerPoint-Präsentation</vt:lpstr>
      <vt:lpstr>Legalitätsprinzip</vt:lpstr>
      <vt:lpstr>Grundrechte</vt:lpstr>
      <vt:lpstr>PowerPoint-Präsentation</vt:lpstr>
      <vt:lpstr>Fragen?</vt:lpstr>
      <vt:lpstr>Herzlichen Dank für Ihre Aufmerksamkei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Epp Daniela</dc:creator>
  <cp:lastModifiedBy>Zurfluh David</cp:lastModifiedBy>
  <cp:revision>117</cp:revision>
  <cp:lastPrinted>2020-03-09T06:52:41Z</cp:lastPrinted>
  <dcterms:created xsi:type="dcterms:W3CDTF">2012-10-30T16:07:25Z</dcterms:created>
  <dcterms:modified xsi:type="dcterms:W3CDTF">2024-04-04T08:38:21Z</dcterms:modified>
</cp:coreProperties>
</file>